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7231"/>
  <workbookPr/>
  <mc:AlternateContent xmlns:mc="http://schemas.openxmlformats.org/markup-compatibility/2006">
    <mc:Choice Requires="x15">
      <x15ac:absPath xmlns:x15ac="http://schemas.microsoft.com/office/spreadsheetml/2010/11/ac" url="C:\Users\Utente\Desktop\"/>
    </mc:Choice>
  </mc:AlternateContent>
  <xr:revisionPtr revIDLastSave="0" documentId="13_ncr:1_{01ED03F4-38AE-410D-9D38-98253292F710}" xr6:coauthVersionLast="47" xr6:coauthVersionMax="47" xr10:uidLastSave="{00000000-0000-0000-0000-000000000000}"/>
  <bookViews>
    <workbookView xWindow="-120" yWindow="-120" windowWidth="29040" windowHeight="15720" xr2:uid="{00000000-000D-0000-FFFF-FFFF00000000}"/>
  </bookViews>
  <sheets>
    <sheet name="Piano Finanziario_Soggetto" sheetId="5" r:id="rId1"/>
  </sheets>
  <definedNames>
    <definedName name="_xlnm._FilterDatabase" localSheetId="0" hidden="1">'Piano Finanziario_Soggetto'!$H$7:$H$9</definedName>
  </definedNames>
  <calcPr calcId="191028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W7" i="5" l="1"/>
  <c r="L7" i="5"/>
  <c r="AC7" i="5"/>
  <c r="AB7" i="5"/>
  <c r="Y7" i="5"/>
  <c r="X7" i="5"/>
  <c r="Z7" i="5"/>
  <c r="P7" i="5"/>
  <c r="G7" i="5"/>
  <c r="Q26" i="5"/>
  <c r="L25" i="5"/>
  <c r="L24" i="5"/>
  <c r="L23" i="5"/>
  <c r="L21" i="5"/>
  <c r="L20" i="5"/>
  <c r="L19" i="5"/>
  <c r="L17" i="5"/>
  <c r="L16" i="5"/>
  <c r="L15" i="5"/>
  <c r="L12" i="5"/>
  <c r="L13" i="5"/>
  <c r="L11" i="5"/>
  <c r="L8" i="5"/>
  <c r="L9" i="5"/>
  <c r="G25" i="5"/>
  <c r="G24" i="5"/>
  <c r="G23" i="5"/>
  <c r="G21" i="5"/>
  <c r="G20" i="5"/>
  <c r="G19" i="5"/>
  <c r="G17" i="5"/>
  <c r="G16" i="5"/>
  <c r="G15" i="5"/>
  <c r="G13" i="5"/>
  <c r="G12" i="5"/>
  <c r="G11" i="5"/>
  <c r="G8" i="5"/>
  <c r="G9" i="5"/>
  <c r="W20" i="5"/>
  <c r="Z20" i="5" s="1"/>
  <c r="Y20" i="5"/>
  <c r="AB20" i="5" s="1"/>
  <c r="Y8" i="5"/>
  <c r="AB8" i="5" s="1"/>
  <c r="X8" i="5"/>
  <c r="AA8" i="5" s="1"/>
  <c r="Y25" i="5"/>
  <c r="AB25" i="5" s="1"/>
  <c r="X25" i="5"/>
  <c r="AA25" i="5" s="1"/>
  <c r="W25" i="5"/>
  <c r="Y24" i="5"/>
  <c r="AB24" i="5" s="1"/>
  <c r="X24" i="5"/>
  <c r="AA24" i="5" s="1"/>
  <c r="W24" i="5"/>
  <c r="Z24" i="5" s="1"/>
  <c r="Y23" i="5"/>
  <c r="X23" i="5"/>
  <c r="W23" i="5"/>
  <c r="Y21" i="5"/>
  <c r="X21" i="5"/>
  <c r="AA21" i="5" s="1"/>
  <c r="W21" i="5"/>
  <c r="Z21" i="5" s="1"/>
  <c r="X20" i="5"/>
  <c r="AA20" i="5" s="1"/>
  <c r="Y19" i="5"/>
  <c r="AB19" i="5" s="1"/>
  <c r="X19" i="5"/>
  <c r="W19" i="5"/>
  <c r="Z19" i="5" s="1"/>
  <c r="Y17" i="5"/>
  <c r="AB17" i="5" s="1"/>
  <c r="X17" i="5"/>
  <c r="AA17" i="5" s="1"/>
  <c r="W17" i="5"/>
  <c r="Z17" i="5" s="1"/>
  <c r="Y16" i="5"/>
  <c r="AB16" i="5" s="1"/>
  <c r="X16" i="5"/>
  <c r="AA16" i="5" s="1"/>
  <c r="W16" i="5"/>
  <c r="Z16" i="5" s="1"/>
  <c r="Y15" i="5"/>
  <c r="AB15" i="5" s="1"/>
  <c r="X15" i="5"/>
  <c r="AA15" i="5" s="1"/>
  <c r="W15" i="5"/>
  <c r="Y13" i="5"/>
  <c r="AB13" i="5" s="1"/>
  <c r="X13" i="5"/>
  <c r="AA13" i="5" s="1"/>
  <c r="W13" i="5"/>
  <c r="Z13" i="5" s="1"/>
  <c r="Y12" i="5"/>
  <c r="AB12" i="5" s="1"/>
  <c r="X12" i="5"/>
  <c r="AA12" i="5" s="1"/>
  <c r="W12" i="5"/>
  <c r="Z12" i="5" s="1"/>
  <c r="Y11" i="5"/>
  <c r="X11" i="5"/>
  <c r="W11" i="5"/>
  <c r="Y9" i="5"/>
  <c r="AB9" i="5" s="1"/>
  <c r="X9" i="5"/>
  <c r="AA9" i="5" s="1"/>
  <c r="W9" i="5"/>
  <c r="Z9" i="5" s="1"/>
  <c r="W8" i="5"/>
  <c r="Z8" i="5" s="1"/>
  <c r="M10" i="5"/>
  <c r="M14" i="5"/>
  <c r="M18" i="5"/>
  <c r="M22" i="5"/>
  <c r="M26" i="5"/>
  <c r="V26" i="5"/>
  <c r="U26" i="5"/>
  <c r="T26" i="5"/>
  <c r="S26" i="5"/>
  <c r="R26" i="5"/>
  <c r="O26" i="5"/>
  <c r="N26" i="5"/>
  <c r="Z25" i="5"/>
  <c r="P25" i="5"/>
  <c r="P24" i="5"/>
  <c r="P23" i="5"/>
  <c r="V22" i="5"/>
  <c r="U22" i="5"/>
  <c r="T22" i="5"/>
  <c r="S22" i="5"/>
  <c r="R22" i="5"/>
  <c r="Q22" i="5"/>
  <c r="O22" i="5"/>
  <c r="N22" i="5"/>
  <c r="P21" i="5"/>
  <c r="P20" i="5"/>
  <c r="P19" i="5"/>
  <c r="V18" i="5"/>
  <c r="U18" i="5"/>
  <c r="T18" i="5"/>
  <c r="S18" i="5"/>
  <c r="R18" i="5"/>
  <c r="Q18" i="5"/>
  <c r="O18" i="5"/>
  <c r="N18" i="5"/>
  <c r="P17" i="5"/>
  <c r="P16" i="5"/>
  <c r="P15" i="5"/>
  <c r="V14" i="5"/>
  <c r="U14" i="5"/>
  <c r="T14" i="5"/>
  <c r="S14" i="5"/>
  <c r="R14" i="5"/>
  <c r="Q14" i="5"/>
  <c r="O14" i="5"/>
  <c r="N14" i="5"/>
  <c r="P13" i="5"/>
  <c r="P12" i="5"/>
  <c r="P11" i="5"/>
  <c r="V10" i="5"/>
  <c r="U10" i="5"/>
  <c r="T10" i="5"/>
  <c r="S10" i="5"/>
  <c r="R10" i="5"/>
  <c r="Q10" i="5"/>
  <c r="O10" i="5"/>
  <c r="N10" i="5"/>
  <c r="P9" i="5"/>
  <c r="P8" i="5"/>
  <c r="Y26" i="5" l="1"/>
  <c r="X26" i="5"/>
  <c r="Y10" i="5"/>
  <c r="X22" i="5"/>
  <c r="W22" i="5"/>
  <c r="AA19" i="5"/>
  <c r="AA22" i="5" s="1"/>
  <c r="X10" i="5"/>
  <c r="W26" i="5"/>
  <c r="P18" i="5"/>
  <c r="AB18" i="5"/>
  <c r="P26" i="5"/>
  <c r="AC24" i="5"/>
  <c r="AC8" i="5"/>
  <c r="P14" i="5"/>
  <c r="M28" i="5"/>
  <c r="AA23" i="5"/>
  <c r="AA26" i="5" s="1"/>
  <c r="AA18" i="5"/>
  <c r="AA7" i="5"/>
  <c r="AA10" i="5" s="1"/>
  <c r="W14" i="5"/>
  <c r="AB10" i="5"/>
  <c r="X14" i="5"/>
  <c r="Z23" i="5"/>
  <c r="Z26" i="5" s="1"/>
  <c r="Y14" i="5"/>
  <c r="AB23" i="5"/>
  <c r="AB26" i="5" s="1"/>
  <c r="Y22" i="5"/>
  <c r="P22" i="5"/>
  <c r="W10" i="5"/>
  <c r="W18" i="5"/>
  <c r="AC12" i="5"/>
  <c r="Z11" i="5"/>
  <c r="Z14" i="5" s="1"/>
  <c r="AB21" i="5"/>
  <c r="AC21" i="5" s="1"/>
  <c r="Z15" i="5"/>
  <c r="Z18" i="5" s="1"/>
  <c r="X18" i="5"/>
  <c r="AB11" i="5"/>
  <c r="AB14" i="5" s="1"/>
  <c r="AC9" i="5"/>
  <c r="AA11" i="5"/>
  <c r="AA14" i="5" s="1"/>
  <c r="Y18" i="5"/>
  <c r="AC16" i="5"/>
  <c r="AC25" i="5"/>
  <c r="Z22" i="5"/>
  <c r="AC17" i="5"/>
  <c r="AC20" i="5"/>
  <c r="S28" i="5"/>
  <c r="P10" i="5"/>
  <c r="T28" i="5"/>
  <c r="N28" i="5"/>
  <c r="O28" i="5"/>
  <c r="Q28" i="5"/>
  <c r="U28" i="5"/>
  <c r="V28" i="5"/>
  <c r="R28" i="5"/>
  <c r="AC13" i="5"/>
  <c r="Z10" i="5"/>
  <c r="AC19" i="5" l="1"/>
  <c r="Y28" i="5"/>
  <c r="X28" i="5"/>
  <c r="P28" i="5"/>
  <c r="AC23" i="5"/>
  <c r="AC18" i="5"/>
  <c r="W28" i="5"/>
  <c r="AA28" i="5"/>
  <c r="AC26" i="5"/>
  <c r="AB22" i="5"/>
  <c r="AB28" i="5" s="1"/>
  <c r="AC15" i="5"/>
  <c r="AC11" i="5"/>
  <c r="Z28" i="5"/>
  <c r="AC14" i="5"/>
  <c r="AC10" i="5"/>
  <c r="AC22" i="5" l="1"/>
  <c r="AC28" i="5" s="1"/>
</calcChain>
</file>

<file path=xl/sharedStrings.xml><?xml version="1.0" encoding="utf-8"?>
<sst xmlns="http://schemas.openxmlformats.org/spreadsheetml/2006/main" count="85" uniqueCount="44">
  <si>
    <t>Il foglio è predisposto per 5 WP. Non compilare i WP non di interesse; non compilare le righe nere</t>
  </si>
  <si>
    <t>Allegato C</t>
  </si>
  <si>
    <t>riportare track</t>
  </si>
  <si>
    <t>Piano Economico</t>
  </si>
  <si>
    <t>COSTI DI PERSONALE</t>
  </si>
  <si>
    <t>Costi per materiali, attrezzature e licenze</t>
  </si>
  <si>
    <t>Costi per servizi di Consulenza Specialistica</t>
  </si>
  <si>
    <t>Costi indiretti
(15% costi personale)</t>
  </si>
  <si>
    <t>COSTI TOTALI DEL PROGETTO</t>
  </si>
  <si>
    <t>Assegnisti</t>
  </si>
  <si>
    <t>Piccola impresa</t>
  </si>
  <si>
    <t>NOME Ente</t>
  </si>
  <si>
    <t xml:space="preserve">N. Risorse </t>
  </si>
  <si>
    <t>Ore (stabilite sulla base della scheda progetto)</t>
  </si>
  <si>
    <t xml:space="preserve">Costo totale </t>
  </si>
  <si>
    <t>Costo reale orario personale da reclutare (Totale costo)</t>
  </si>
  <si>
    <t>Ricerca Fondamentale</t>
  </si>
  <si>
    <t>Ricerca Industriale</t>
  </si>
  <si>
    <t>Sviliuppo Sperimentale</t>
  </si>
  <si>
    <t>Sub_Totale</t>
  </si>
  <si>
    <t>Sviluppo Sperimentale</t>
  </si>
  <si>
    <t>Totale</t>
  </si>
  <si>
    <t>Tecnologi</t>
  </si>
  <si>
    <t>Media impresa</t>
  </si>
  <si>
    <t>WP1</t>
  </si>
  <si>
    <t>Altre figure</t>
  </si>
  <si>
    <t>Grande impresa</t>
  </si>
  <si>
    <t>TOTALI WP1</t>
  </si>
  <si>
    <t>WP2</t>
  </si>
  <si>
    <t>TOTALI WP2</t>
  </si>
  <si>
    <t>WP3</t>
  </si>
  <si>
    <t>TOTALI WP3</t>
  </si>
  <si>
    <t>WP4</t>
  </si>
  <si>
    <t>TOTALI WP4</t>
  </si>
  <si>
    <t>WP5</t>
  </si>
  <si>
    <t>TOTALI WP5</t>
  </si>
  <si>
    <t>TOTALI COSTI PROGETTO</t>
  </si>
  <si>
    <t>Il costo totale del progetto deve corrispondere alla dimensione economica riportata in Tabella 2 Art. 7 del bando in corrispondenza del track scelto</t>
  </si>
  <si>
    <t>Profilo Basso</t>
  </si>
  <si>
    <t>Profilo Medio</t>
  </si>
  <si>
    <t>Profilo Alto</t>
  </si>
  <si>
    <t xml:space="preserve">Costo orario standard personale*
</t>
  </si>
  <si>
    <t xml:space="preserve">* fare riferimento alla Linee Guida per tabella costi standard da selezionare https://www.mur.gov.it/sites/default/files/2022-10/PNRR_LINEE%20GUIDA%20PER%20LA%20RENDICONTAZIONE.pdf </t>
  </si>
  <si>
    <t xml:space="preserve">TRACK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4">
    <numFmt numFmtId="44" formatCode="_-* #,##0.00\ &quot;€&quot;_-;\-* #,##0.00\ &quot;€&quot;_-;_-* &quot;-&quot;??\ &quot;€&quot;_-;_-@_-"/>
    <numFmt numFmtId="43" formatCode="_-* #,##0.00_-;\-* #,##0.00_-;_-* &quot;-&quot;??_-;_-@_-"/>
    <numFmt numFmtId="164" formatCode="_-* #,##0\ &quot;€&quot;_-;\-* #,##0\ &quot;€&quot;_-;_-* &quot;-&quot;??\ &quot;€&quot;_-;_-@_-"/>
    <numFmt numFmtId="165" formatCode="_-* #,##0_-;\-* #,##0_-;_-* &quot;-&quot;??_-;_-@_-"/>
  </numFmts>
  <fonts count="19" x14ac:knownFonts="1">
    <font>
      <sz val="11"/>
      <color theme="1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sz val="10"/>
      <name val="Arial"/>
      <family val="2"/>
    </font>
    <font>
      <sz val="11"/>
      <color theme="1"/>
      <name val="Calibri"/>
      <family val="2"/>
      <scheme val="minor"/>
    </font>
    <font>
      <b/>
      <sz val="11"/>
      <name val="Calibri"/>
      <family val="2"/>
      <scheme val="minor"/>
    </font>
    <font>
      <sz val="12"/>
      <name val="Calibri"/>
      <family val="2"/>
      <scheme val="minor"/>
    </font>
    <font>
      <b/>
      <sz val="12"/>
      <color theme="1"/>
      <name val="Calibri"/>
      <family val="2"/>
      <scheme val="minor"/>
    </font>
    <font>
      <b/>
      <sz val="12"/>
      <color theme="1"/>
      <name val="Calibri"/>
      <family val="2"/>
    </font>
    <font>
      <b/>
      <sz val="11"/>
      <color theme="0"/>
      <name val="Calibri"/>
      <family val="2"/>
      <scheme val="minor"/>
    </font>
    <font>
      <sz val="11"/>
      <color theme="0"/>
      <name val="Calibri"/>
      <family val="2"/>
      <scheme val="minor"/>
    </font>
    <font>
      <sz val="12"/>
      <color theme="0"/>
      <name val="Calibri"/>
      <family val="2"/>
      <scheme val="minor"/>
    </font>
    <font>
      <b/>
      <sz val="12"/>
      <color theme="0"/>
      <name val="Calibri"/>
      <family val="2"/>
      <scheme val="minor"/>
    </font>
    <font>
      <b/>
      <sz val="16"/>
      <color rgb="FFFF0000"/>
      <name val="Calibri"/>
      <family val="2"/>
      <scheme val="minor"/>
    </font>
    <font>
      <b/>
      <sz val="14"/>
      <color rgb="FFFF0000"/>
      <name val="Calibri"/>
      <family val="2"/>
      <scheme val="minor"/>
    </font>
    <font>
      <b/>
      <sz val="14"/>
      <color theme="1"/>
      <name val="Calibri"/>
      <family val="2"/>
      <scheme val="minor"/>
    </font>
    <font>
      <b/>
      <sz val="28"/>
      <color theme="1"/>
      <name val="Calibri"/>
      <family val="2"/>
      <scheme val="minor"/>
    </font>
    <font>
      <sz val="11"/>
      <color rgb="FFFF0000"/>
      <name val="Calibri"/>
      <family val="2"/>
      <scheme val="minor"/>
    </font>
    <font>
      <sz val="14"/>
      <color rgb="FFFF0000"/>
      <name val="Calibri"/>
      <family val="2"/>
      <scheme val="minor"/>
    </font>
  </fonts>
  <fills count="11">
    <fill>
      <patternFill patternType="none"/>
    </fill>
    <fill>
      <patternFill patternType="gray125"/>
    </fill>
    <fill>
      <patternFill patternType="solid">
        <fgColor theme="0"/>
        <bgColor indexed="64"/>
      </patternFill>
    </fill>
    <fill>
      <patternFill patternType="solid">
        <fgColor theme="6" tint="0.59999389629810485"/>
        <bgColor indexed="64"/>
      </patternFill>
    </fill>
    <fill>
      <patternFill patternType="solid">
        <fgColor theme="6" tint="0.79998168889431442"/>
        <bgColor indexed="64"/>
      </patternFill>
    </fill>
    <fill>
      <patternFill patternType="solid">
        <fgColor theme="9" tint="0.79998168889431442"/>
        <bgColor indexed="64"/>
      </patternFill>
    </fill>
    <fill>
      <patternFill patternType="solid">
        <fgColor theme="0" tint="-4.9989318521683403E-2"/>
        <bgColor indexed="64"/>
      </patternFill>
    </fill>
    <fill>
      <patternFill patternType="solid">
        <fgColor theme="9" tint="0.59999389629810485"/>
        <bgColor indexed="64"/>
      </patternFill>
    </fill>
    <fill>
      <patternFill patternType="solid">
        <fgColor theme="7" tint="0.79998168889431442"/>
        <bgColor indexed="64"/>
      </patternFill>
    </fill>
    <fill>
      <patternFill patternType="solid">
        <fgColor theme="1" tint="4.9989318521683403E-2"/>
        <bgColor indexed="64"/>
      </patternFill>
    </fill>
    <fill>
      <patternFill patternType="solid">
        <fgColor theme="1"/>
        <bgColor indexed="64"/>
      </patternFill>
    </fill>
  </fills>
  <borders count="33">
    <border>
      <left/>
      <right/>
      <top/>
      <bottom/>
      <diagonal/>
    </border>
    <border>
      <left/>
      <right/>
      <top style="medium">
        <color indexed="64"/>
      </top>
      <bottom/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/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/>
      <right style="medium">
        <color indexed="64"/>
      </right>
      <top/>
      <bottom/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/>
      <top/>
      <bottom/>
      <diagonal/>
    </border>
    <border>
      <left style="medium">
        <color indexed="64"/>
      </left>
      <right/>
      <top style="medium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  <border>
      <left/>
      <right/>
      <top style="medium">
        <color indexed="64"/>
      </top>
      <bottom style="medium">
        <color indexed="64"/>
      </bottom>
      <diagonal/>
    </border>
    <border>
      <left/>
      <right style="medium">
        <color indexed="64"/>
      </right>
      <top style="medium">
        <color indexed="64"/>
      </top>
      <bottom style="medium">
        <color indexed="64"/>
      </bottom>
      <diagonal/>
    </border>
    <border>
      <left/>
      <right style="double">
        <color theme="0"/>
      </right>
      <top/>
      <bottom/>
      <diagonal/>
    </border>
    <border>
      <left style="medium">
        <color rgb="FF000000"/>
      </left>
      <right/>
      <top style="medium">
        <color rgb="FF000000"/>
      </top>
      <bottom style="medium">
        <color rgb="FF000000"/>
      </bottom>
      <diagonal/>
    </border>
    <border>
      <left/>
      <right/>
      <top style="medium">
        <color rgb="FF000000"/>
      </top>
      <bottom style="medium">
        <color rgb="FF000000"/>
      </bottom>
      <diagonal/>
    </border>
    <border>
      <left/>
      <right style="medium">
        <color rgb="FF000000"/>
      </right>
      <top style="medium">
        <color rgb="FF000000"/>
      </top>
      <bottom style="medium">
        <color rgb="FF000000"/>
      </bottom>
      <diagonal/>
    </border>
    <border>
      <left style="medium">
        <color indexed="64"/>
      </left>
      <right style="thin">
        <color indexed="64"/>
      </right>
      <top/>
      <bottom style="thin">
        <color indexed="64"/>
      </bottom>
      <diagonal/>
    </border>
    <border>
      <left style="medium">
        <color indexed="64"/>
      </left>
      <right/>
      <top style="medium">
        <color indexed="64"/>
      </top>
      <bottom style="thin">
        <color indexed="64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/>
      <top/>
      <bottom style="medium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/>
      <diagonal/>
    </border>
    <border>
      <left style="thin">
        <color indexed="64"/>
      </left>
      <right style="thin">
        <color indexed="64"/>
      </right>
      <top style="medium">
        <color indexed="64"/>
      </top>
      <bottom/>
      <diagonal/>
    </border>
    <border>
      <left style="thin">
        <color indexed="64"/>
      </left>
      <right style="medium">
        <color indexed="64"/>
      </right>
      <top style="medium">
        <color indexed="64"/>
      </top>
      <bottom/>
      <diagonal/>
    </border>
    <border>
      <left/>
      <right style="medium">
        <color indexed="64"/>
      </right>
      <top/>
      <bottom style="thin">
        <color indexed="64"/>
      </bottom>
      <diagonal/>
    </border>
    <border>
      <left style="thin">
        <color indexed="64"/>
      </left>
      <right/>
      <top style="medium">
        <color indexed="64"/>
      </top>
      <bottom/>
      <diagonal/>
    </border>
    <border>
      <left style="medium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medium">
        <color indexed="64"/>
      </right>
      <top/>
      <bottom/>
      <diagonal/>
    </border>
    <border>
      <left style="medium">
        <color indexed="64"/>
      </left>
      <right/>
      <top/>
      <bottom/>
      <diagonal/>
    </border>
  </borders>
  <cellStyleXfs count="5">
    <xf numFmtId="0" fontId="0" fillId="0" borderId="0"/>
    <xf numFmtId="44" fontId="2" fillId="0" borderId="0" applyFont="0" applyFill="0" applyBorder="0" applyAlignment="0" applyProtection="0"/>
    <xf numFmtId="0" fontId="3" fillId="0" borderId="0"/>
    <xf numFmtId="0" fontId="4" fillId="0" borderId="0"/>
    <xf numFmtId="43" fontId="2" fillId="0" borderId="0" applyFont="0" applyFill="0" applyBorder="0" applyAlignment="0" applyProtection="0"/>
  </cellStyleXfs>
  <cellXfs count="81">
    <xf numFmtId="0" fontId="0" fillId="0" borderId="0" xfId="0"/>
    <xf numFmtId="0" fontId="4" fillId="2" borderId="0" xfId="3" applyFill="1" applyAlignment="1">
      <alignment horizontal="center" vertical="center"/>
    </xf>
    <xf numFmtId="0" fontId="6" fillId="2" borderId="0" xfId="3" applyFont="1" applyFill="1" applyAlignment="1">
      <alignment horizontal="center" vertical="center" wrapText="1"/>
    </xf>
    <xf numFmtId="0" fontId="4" fillId="2" borderId="0" xfId="3" applyFill="1" applyAlignment="1">
      <alignment horizontal="center" vertical="center" wrapText="1"/>
    </xf>
    <xf numFmtId="0" fontId="1" fillId="2" borderId="6" xfId="3" applyFont="1" applyFill="1" applyBorder="1" applyAlignment="1">
      <alignment horizontal="center" vertical="center"/>
    </xf>
    <xf numFmtId="0" fontId="1" fillId="2" borderId="8" xfId="3" applyFont="1" applyFill="1" applyBorder="1" applyAlignment="1">
      <alignment horizontal="center" vertical="center"/>
    </xf>
    <xf numFmtId="44" fontId="4" fillId="2" borderId="0" xfId="3" applyNumberFormat="1" applyFill="1" applyAlignment="1">
      <alignment horizontal="center" vertical="center"/>
    </xf>
    <xf numFmtId="0" fontId="1" fillId="2" borderId="9" xfId="3" applyFont="1" applyFill="1" applyBorder="1" applyAlignment="1">
      <alignment horizontal="center" vertical="center"/>
    </xf>
    <xf numFmtId="0" fontId="4" fillId="2" borderId="4" xfId="3" applyFill="1" applyBorder="1" applyAlignment="1">
      <alignment horizontal="center" vertical="center"/>
    </xf>
    <xf numFmtId="0" fontId="1" fillId="0" borderId="10" xfId="3" applyFont="1" applyBorder="1" applyAlignment="1">
      <alignment horizontal="center" vertical="center"/>
    </xf>
    <xf numFmtId="0" fontId="1" fillId="2" borderId="0" xfId="3" applyFont="1" applyFill="1" applyAlignment="1">
      <alignment horizontal="center" vertical="center"/>
    </xf>
    <xf numFmtId="0" fontId="4" fillId="2" borderId="1" xfId="3" applyFill="1" applyBorder="1" applyAlignment="1">
      <alignment horizontal="center" vertical="center"/>
    </xf>
    <xf numFmtId="0" fontId="4" fillId="2" borderId="15" xfId="3" applyFill="1" applyBorder="1" applyAlignment="1">
      <alignment horizontal="center" vertical="center"/>
    </xf>
    <xf numFmtId="0" fontId="4" fillId="2" borderId="13" xfId="3" applyFill="1" applyBorder="1" applyAlignment="1">
      <alignment horizontal="center" vertical="center"/>
    </xf>
    <xf numFmtId="44" fontId="4" fillId="2" borderId="13" xfId="3" applyNumberFormat="1" applyFill="1" applyBorder="1" applyAlignment="1">
      <alignment horizontal="center" vertical="center"/>
    </xf>
    <xf numFmtId="164" fontId="1" fillId="5" borderId="12" xfId="1" applyNumberFormat="1" applyFont="1" applyFill="1" applyBorder="1" applyAlignment="1">
      <alignment horizontal="center" vertical="center"/>
    </xf>
    <xf numFmtId="164" fontId="1" fillId="4" borderId="12" xfId="1" applyNumberFormat="1" applyFont="1" applyFill="1" applyBorder="1" applyAlignment="1">
      <alignment horizontal="center" vertical="center"/>
    </xf>
    <xf numFmtId="164" fontId="7" fillId="5" borderId="12" xfId="1" applyNumberFormat="1" applyFont="1" applyFill="1" applyBorder="1" applyAlignment="1">
      <alignment horizontal="center" vertical="center"/>
    </xf>
    <xf numFmtId="0" fontId="5" fillId="3" borderId="7" xfId="3" applyFont="1" applyFill="1" applyBorder="1" applyAlignment="1">
      <alignment horizontal="center" vertical="center" wrapText="1"/>
    </xf>
    <xf numFmtId="0" fontId="5" fillId="0" borderId="23" xfId="3" applyFont="1" applyBorder="1" applyAlignment="1">
      <alignment vertical="center" wrapText="1"/>
    </xf>
    <xf numFmtId="0" fontId="11" fillId="2" borderId="0" xfId="3" applyFont="1" applyFill="1" applyAlignment="1">
      <alignment horizontal="center" vertical="center" wrapText="1"/>
    </xf>
    <xf numFmtId="0" fontId="10" fillId="2" borderId="0" xfId="3" applyFont="1" applyFill="1" applyAlignment="1">
      <alignment horizontal="center" vertical="center" wrapText="1"/>
    </xf>
    <xf numFmtId="0" fontId="5" fillId="4" borderId="25" xfId="3" applyFont="1" applyFill="1" applyBorder="1" applyAlignment="1">
      <alignment horizontal="center" vertical="center" wrapText="1"/>
    </xf>
    <xf numFmtId="0" fontId="5" fillId="4" borderId="26" xfId="3" applyFont="1" applyFill="1" applyBorder="1" applyAlignment="1">
      <alignment horizontal="center" vertical="center" wrapText="1"/>
    </xf>
    <xf numFmtId="164" fontId="1" fillId="3" borderId="12" xfId="3" applyNumberFormat="1" applyFont="1" applyFill="1" applyBorder="1" applyAlignment="1">
      <alignment horizontal="center" vertical="center"/>
    </xf>
    <xf numFmtId="0" fontId="1" fillId="2" borderId="19" xfId="3" applyFont="1" applyFill="1" applyBorder="1" applyAlignment="1">
      <alignment horizontal="center" vertical="center"/>
    </xf>
    <xf numFmtId="0" fontId="7" fillId="5" borderId="0" xfId="3" applyFont="1" applyFill="1" applyAlignment="1">
      <alignment horizontal="left" vertical="center"/>
    </xf>
    <xf numFmtId="0" fontId="7" fillId="5" borderId="0" xfId="3" applyFont="1" applyFill="1" applyAlignment="1">
      <alignment horizontal="center" vertical="center"/>
    </xf>
    <xf numFmtId="0" fontId="9" fillId="9" borderId="1" xfId="3" applyFont="1" applyFill="1" applyBorder="1" applyAlignment="1">
      <alignment horizontal="center" vertical="center" wrapText="1"/>
    </xf>
    <xf numFmtId="164" fontId="1" fillId="0" borderId="27" xfId="1" applyNumberFormat="1" applyFont="1" applyFill="1" applyBorder="1" applyAlignment="1" applyProtection="1">
      <alignment horizontal="center" vertical="center"/>
    </xf>
    <xf numFmtId="164" fontId="1" fillId="0" borderId="7" xfId="1" applyNumberFormat="1" applyFont="1" applyFill="1" applyBorder="1" applyAlignment="1" applyProtection="1">
      <alignment horizontal="center" vertical="center"/>
    </xf>
    <xf numFmtId="165" fontId="0" fillId="0" borderId="12" xfId="4" applyNumberFormat="1" applyFont="1" applyFill="1" applyBorder="1" applyAlignment="1" applyProtection="1">
      <alignment horizontal="center" vertical="center"/>
    </xf>
    <xf numFmtId="0" fontId="15" fillId="2" borderId="0" xfId="3" applyFont="1" applyFill="1" applyAlignment="1">
      <alignment horizontal="center" vertical="center"/>
    </xf>
    <xf numFmtId="0" fontId="14" fillId="2" borderId="0" xfId="3" applyFont="1" applyFill="1" applyAlignment="1">
      <alignment horizontal="justify" vertical="center"/>
    </xf>
    <xf numFmtId="164" fontId="0" fillId="0" borderId="12" xfId="1" applyNumberFormat="1" applyFont="1" applyFill="1" applyBorder="1" applyAlignment="1" applyProtection="1">
      <alignment horizontal="center" vertical="center"/>
    </xf>
    <xf numFmtId="0" fontId="5" fillId="4" borderId="28" xfId="3" applyFont="1" applyFill="1" applyBorder="1" applyAlignment="1">
      <alignment horizontal="center" vertical="center"/>
    </xf>
    <xf numFmtId="0" fontId="5" fillId="4" borderId="29" xfId="3" applyFont="1" applyFill="1" applyBorder="1" applyAlignment="1">
      <alignment horizontal="center" vertical="center" wrapText="1"/>
    </xf>
    <xf numFmtId="0" fontId="5" fillId="4" borderId="30" xfId="3" applyFont="1" applyFill="1" applyBorder="1" applyAlignment="1">
      <alignment horizontal="center" vertical="center" wrapText="1"/>
    </xf>
    <xf numFmtId="0" fontId="5" fillId="4" borderId="31" xfId="3" applyFont="1" applyFill="1" applyBorder="1" applyAlignment="1">
      <alignment horizontal="center" vertical="center" wrapText="1"/>
    </xf>
    <xf numFmtId="0" fontId="5" fillId="4" borderId="24" xfId="3" applyFont="1" applyFill="1" applyBorder="1" applyAlignment="1">
      <alignment horizontal="center" vertical="center" wrapText="1"/>
    </xf>
    <xf numFmtId="164" fontId="0" fillId="2" borderId="12" xfId="1" applyNumberFormat="1" applyFont="1" applyFill="1" applyBorder="1" applyAlignment="1">
      <alignment horizontal="center" vertical="center"/>
    </xf>
    <xf numFmtId="164" fontId="4" fillId="2" borderId="12" xfId="3" applyNumberFormat="1" applyFill="1" applyBorder="1" applyAlignment="1">
      <alignment horizontal="center" vertical="center"/>
    </xf>
    <xf numFmtId="164" fontId="1" fillId="6" borderId="12" xfId="1" applyNumberFormat="1" applyFont="1" applyFill="1" applyBorder="1" applyAlignment="1">
      <alignment horizontal="center" vertical="center"/>
    </xf>
    <xf numFmtId="164" fontId="2" fillId="2" borderId="12" xfId="1" applyNumberFormat="1" applyFont="1" applyFill="1" applyBorder="1" applyAlignment="1">
      <alignment horizontal="center" vertical="center"/>
    </xf>
    <xf numFmtId="0" fontId="5" fillId="8" borderId="0" xfId="3" applyFont="1" applyFill="1" applyAlignment="1">
      <alignment horizontal="center" vertical="center" wrapText="1"/>
    </xf>
    <xf numFmtId="0" fontId="1" fillId="2" borderId="12" xfId="3" applyFont="1" applyFill="1" applyBorder="1" applyAlignment="1">
      <alignment horizontal="center" vertical="center"/>
    </xf>
    <xf numFmtId="0" fontId="1" fillId="0" borderId="12" xfId="3" applyFont="1" applyBorder="1" applyAlignment="1">
      <alignment horizontal="center" vertical="center"/>
    </xf>
    <xf numFmtId="0" fontId="4" fillId="2" borderId="12" xfId="3" applyFill="1" applyBorder="1" applyAlignment="1">
      <alignment horizontal="center" vertical="center"/>
    </xf>
    <xf numFmtId="0" fontId="4" fillId="10" borderId="12" xfId="3" applyFill="1" applyBorder="1" applyAlignment="1">
      <alignment horizontal="center" vertical="center"/>
    </xf>
    <xf numFmtId="44" fontId="2" fillId="2" borderId="12" xfId="1" applyFont="1" applyFill="1" applyBorder="1" applyAlignment="1">
      <alignment horizontal="center" vertical="center"/>
    </xf>
    <xf numFmtId="0" fontId="7" fillId="5" borderId="16" xfId="3" applyFont="1" applyFill="1" applyBorder="1" applyAlignment="1">
      <alignment horizontal="center" vertical="center"/>
    </xf>
    <xf numFmtId="0" fontId="7" fillId="5" borderId="17" xfId="3" applyFont="1" applyFill="1" applyBorder="1" applyAlignment="1">
      <alignment horizontal="center" vertical="center"/>
    </xf>
    <xf numFmtId="0" fontId="7" fillId="5" borderId="18" xfId="3" applyFont="1" applyFill="1" applyBorder="1" applyAlignment="1">
      <alignment horizontal="center" vertical="center"/>
    </xf>
    <xf numFmtId="0" fontId="5" fillId="8" borderId="0" xfId="3" applyFont="1" applyFill="1" applyAlignment="1">
      <alignment horizontal="center" vertical="center" wrapText="1"/>
    </xf>
    <xf numFmtId="0" fontId="5" fillId="8" borderId="7" xfId="3" applyFont="1" applyFill="1" applyBorder="1" applyAlignment="1">
      <alignment horizontal="center" vertical="center" wrapText="1"/>
    </xf>
    <xf numFmtId="0" fontId="1" fillId="5" borderId="5" xfId="3" applyFont="1" applyFill="1" applyBorder="1" applyAlignment="1">
      <alignment horizontal="center" vertical="center"/>
    </xf>
    <xf numFmtId="0" fontId="1" fillId="5" borderId="2" xfId="3" applyFont="1" applyFill="1" applyBorder="1" applyAlignment="1">
      <alignment horizontal="center" vertical="center"/>
    </xf>
    <xf numFmtId="0" fontId="1" fillId="5" borderId="3" xfId="3" applyFont="1" applyFill="1" applyBorder="1" applyAlignment="1">
      <alignment horizontal="center" vertical="center"/>
    </xf>
    <xf numFmtId="0" fontId="5" fillId="8" borderId="32" xfId="3" applyFont="1" applyFill="1" applyBorder="1" applyAlignment="1">
      <alignment horizontal="center" vertical="center" wrapText="1"/>
    </xf>
    <xf numFmtId="0" fontId="7" fillId="7" borderId="11" xfId="3" applyFont="1" applyFill="1" applyBorder="1" applyAlignment="1">
      <alignment horizontal="center" vertical="center" wrapText="1"/>
    </xf>
    <xf numFmtId="0" fontId="7" fillId="7" borderId="13" xfId="3" applyFont="1" applyFill="1" applyBorder="1" applyAlignment="1">
      <alignment horizontal="center" vertical="center" wrapText="1"/>
    </xf>
    <xf numFmtId="0" fontId="7" fillId="7" borderId="14" xfId="3" applyFont="1" applyFill="1" applyBorder="1" applyAlignment="1">
      <alignment horizontal="center" vertical="center" wrapText="1"/>
    </xf>
    <xf numFmtId="0" fontId="12" fillId="9" borderId="20" xfId="3" applyFont="1" applyFill="1" applyBorder="1" applyAlignment="1">
      <alignment horizontal="left" vertical="center" wrapText="1"/>
    </xf>
    <xf numFmtId="0" fontId="12" fillId="9" borderId="21" xfId="3" applyFont="1" applyFill="1" applyBorder="1" applyAlignment="1">
      <alignment horizontal="left" vertical="center" wrapText="1"/>
    </xf>
    <xf numFmtId="0" fontId="12" fillId="9" borderId="22" xfId="3" applyFont="1" applyFill="1" applyBorder="1" applyAlignment="1">
      <alignment horizontal="left" vertical="center" wrapText="1"/>
    </xf>
    <xf numFmtId="0" fontId="7" fillId="8" borderId="11" xfId="3" applyFont="1" applyFill="1" applyBorder="1" applyAlignment="1">
      <alignment horizontal="center" vertical="center" wrapText="1"/>
    </xf>
    <xf numFmtId="0" fontId="7" fillId="8" borderId="13" xfId="3" applyFont="1" applyFill="1" applyBorder="1" applyAlignment="1">
      <alignment horizontal="center" vertical="center" wrapText="1"/>
    </xf>
    <xf numFmtId="0" fontId="7" fillId="8" borderId="14" xfId="3" applyFont="1" applyFill="1" applyBorder="1" applyAlignment="1">
      <alignment horizontal="center" vertical="center" wrapText="1"/>
    </xf>
    <xf numFmtId="0" fontId="8" fillId="5" borderId="11" xfId="3" applyFont="1" applyFill="1" applyBorder="1" applyAlignment="1">
      <alignment horizontal="center" vertical="center" wrapText="1"/>
    </xf>
    <xf numFmtId="0" fontId="8" fillId="5" borderId="13" xfId="3" applyFont="1" applyFill="1" applyBorder="1" applyAlignment="1">
      <alignment horizontal="center" vertical="center" wrapText="1"/>
    </xf>
    <xf numFmtId="0" fontId="8" fillId="5" borderId="14" xfId="3" applyFont="1" applyFill="1" applyBorder="1" applyAlignment="1">
      <alignment horizontal="center" vertical="center" wrapText="1"/>
    </xf>
    <xf numFmtId="0" fontId="7" fillId="5" borderId="11" xfId="3" applyFont="1" applyFill="1" applyBorder="1" applyAlignment="1">
      <alignment horizontal="center" vertical="center" wrapText="1"/>
    </xf>
    <xf numFmtId="0" fontId="7" fillId="5" borderId="13" xfId="3" applyFont="1" applyFill="1" applyBorder="1" applyAlignment="1">
      <alignment horizontal="center" vertical="center" wrapText="1"/>
    </xf>
    <xf numFmtId="0" fontId="7" fillId="5" borderId="14" xfId="3" applyFont="1" applyFill="1" applyBorder="1" applyAlignment="1">
      <alignment horizontal="center" vertical="center" wrapText="1"/>
    </xf>
    <xf numFmtId="0" fontId="0" fillId="2" borderId="0" xfId="3" applyFont="1" applyFill="1" applyAlignment="1">
      <alignment horizontal="center" vertical="center"/>
    </xf>
    <xf numFmtId="0" fontId="13" fillId="2" borderId="0" xfId="3" applyFont="1" applyFill="1" applyAlignment="1">
      <alignment vertical="center"/>
    </xf>
    <xf numFmtId="0" fontId="17" fillId="2" borderId="0" xfId="3" applyFont="1" applyFill="1" applyAlignment="1">
      <alignment horizontal="left" vertical="center"/>
    </xf>
    <xf numFmtId="0" fontId="16" fillId="2" borderId="0" xfId="3" applyFont="1" applyFill="1" applyAlignment="1">
      <alignment horizontal="left" vertical="center"/>
    </xf>
    <xf numFmtId="0" fontId="18" fillId="0" borderId="4" xfId="3" applyFont="1" applyBorder="1" applyAlignment="1">
      <alignment vertical="center" wrapText="1"/>
    </xf>
    <xf numFmtId="0" fontId="18" fillId="2" borderId="0" xfId="3" applyFont="1" applyFill="1" applyAlignment="1">
      <alignment horizontal="justify" vertical="center"/>
    </xf>
    <xf numFmtId="0" fontId="17" fillId="2" borderId="0" xfId="3" applyFont="1" applyFill="1" applyAlignment="1">
      <alignment horizontal="justify" vertical="center"/>
    </xf>
  </cellXfs>
  <cellStyles count="5">
    <cellStyle name="Migliaia" xfId="4" builtinId="3"/>
    <cellStyle name="Normal 2" xfId="2" xr:uid="{8FDC0EF6-484D-4124-BDFD-2155A37BA949}"/>
    <cellStyle name="Normal 3" xfId="3" xr:uid="{DABB6426-3798-4F06-AC48-04E64610E811}"/>
    <cellStyle name="Normale" xfId="0" builtinId="0"/>
    <cellStyle name="Valuta" xfId="1" builtinId="4"/>
  </cellStyles>
  <dxfs count="0"/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customXml" Target="../customXml/item2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calcChain" Target="calcChain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62AF4A9-2E2A-4CCD-B364-45E36777D6A6}">
  <sheetPr>
    <pageSetUpPr fitToPage="1"/>
  </sheetPr>
  <dimension ref="A1:AH41"/>
  <sheetViews>
    <sheetView tabSelected="1" zoomScale="80" zoomScaleNormal="80" workbookViewId="0">
      <pane xSplit="2" ySplit="6" topLeftCell="C7" activePane="bottomRight" state="frozen"/>
      <selection pane="topRight" activeCell="B1" sqref="B1"/>
      <selection pane="bottomLeft" activeCell="A3" sqref="A3"/>
      <selection pane="bottomRight" activeCell="B3" sqref="B3"/>
    </sheetView>
  </sheetViews>
  <sheetFormatPr defaultColWidth="14.28515625" defaultRowHeight="15" x14ac:dyDescent="0.25"/>
  <cols>
    <col min="1" max="1" width="29.28515625" style="1" customWidth="1"/>
    <col min="2" max="2" width="25.7109375" style="1" customWidth="1"/>
    <col min="3" max="3" width="15.85546875" style="1" bestFit="1" customWidth="1"/>
    <col min="4" max="5" width="19.7109375" style="1" customWidth="1"/>
    <col min="6" max="6" width="21.28515625" style="1" customWidth="1"/>
    <col min="7" max="7" width="19.7109375" style="1" customWidth="1"/>
    <col min="8" max="8" width="14.28515625" style="1"/>
    <col min="9" max="10" width="19.7109375" style="1" customWidth="1"/>
    <col min="11" max="11" width="21.7109375" style="1" customWidth="1"/>
    <col min="12" max="12" width="19.7109375" style="1" customWidth="1"/>
    <col min="13" max="16" width="14.7109375" style="1" customWidth="1"/>
    <col min="17" max="32" width="14.28515625" style="1"/>
    <col min="33" max="33" width="0" style="1" hidden="1" customWidth="1"/>
    <col min="34" max="16384" width="14.28515625" style="1"/>
  </cols>
  <sheetData>
    <row r="1" spans="1:34" ht="60" x14ac:dyDescent="0.25">
      <c r="A1" s="80" t="s">
        <v>0</v>
      </c>
      <c r="C1" s="77" t="s">
        <v>1</v>
      </c>
    </row>
    <row r="3" spans="1:34" ht="37.5" x14ac:dyDescent="0.25">
      <c r="B3" s="32" t="s">
        <v>43</v>
      </c>
      <c r="C3" s="79" t="s">
        <v>2</v>
      </c>
      <c r="F3" s="74"/>
      <c r="H3" s="33"/>
      <c r="I3" s="33"/>
    </row>
    <row r="4" spans="1:34" ht="19.5" thickBot="1" x14ac:dyDescent="0.3">
      <c r="B4" s="32"/>
      <c r="C4" s="79"/>
      <c r="H4" s="33"/>
      <c r="I4" s="33"/>
    </row>
    <row r="5" spans="1:34" s="2" customFormat="1" ht="41.85" customHeight="1" thickBot="1" x14ac:dyDescent="0.3">
      <c r="B5" s="62" t="s">
        <v>3</v>
      </c>
      <c r="C5" s="63"/>
      <c r="D5" s="64"/>
      <c r="E5" s="28"/>
      <c r="F5" s="28"/>
      <c r="G5" s="28"/>
      <c r="H5" s="28"/>
      <c r="I5" s="28"/>
      <c r="J5" s="28"/>
      <c r="K5" s="28"/>
      <c r="L5" s="28"/>
      <c r="M5" s="65" t="s">
        <v>4</v>
      </c>
      <c r="N5" s="66"/>
      <c r="O5" s="66"/>
      <c r="P5" s="67"/>
      <c r="Q5" s="68" t="s">
        <v>5</v>
      </c>
      <c r="R5" s="69"/>
      <c r="S5" s="70"/>
      <c r="T5" s="68" t="s">
        <v>6</v>
      </c>
      <c r="U5" s="69"/>
      <c r="V5" s="70"/>
      <c r="W5" s="71" t="s">
        <v>7</v>
      </c>
      <c r="X5" s="72"/>
      <c r="Y5" s="73"/>
      <c r="Z5" s="59" t="s">
        <v>8</v>
      </c>
      <c r="AA5" s="60"/>
      <c r="AB5" s="60"/>
      <c r="AC5" s="61"/>
      <c r="AG5" s="25" t="s">
        <v>9</v>
      </c>
      <c r="AH5" s="20" t="s">
        <v>10</v>
      </c>
    </row>
    <row r="6" spans="1:34" s="3" customFormat="1" ht="29.85" customHeight="1" thickBot="1" x14ac:dyDescent="0.3">
      <c r="A6" s="78" t="s">
        <v>11</v>
      </c>
      <c r="B6" s="19"/>
      <c r="C6" s="53" t="s">
        <v>41</v>
      </c>
      <c r="D6" s="54"/>
      <c r="E6" s="44" t="s">
        <v>12</v>
      </c>
      <c r="F6" s="44" t="s">
        <v>13</v>
      </c>
      <c r="G6" s="44" t="s">
        <v>14</v>
      </c>
      <c r="H6" s="58" t="s">
        <v>15</v>
      </c>
      <c r="I6" s="53"/>
      <c r="J6" s="44" t="s">
        <v>12</v>
      </c>
      <c r="K6" s="44" t="s">
        <v>13</v>
      </c>
      <c r="L6" s="44" t="s">
        <v>14</v>
      </c>
      <c r="M6" s="39" t="s">
        <v>16</v>
      </c>
      <c r="N6" s="22" t="s">
        <v>17</v>
      </c>
      <c r="O6" s="22" t="s">
        <v>18</v>
      </c>
      <c r="P6" s="35" t="s">
        <v>19</v>
      </c>
      <c r="Q6" s="36" t="s">
        <v>16</v>
      </c>
      <c r="R6" s="37" t="s">
        <v>17</v>
      </c>
      <c r="S6" s="38" t="s">
        <v>20</v>
      </c>
      <c r="T6" s="36" t="s">
        <v>16</v>
      </c>
      <c r="U6" s="37" t="s">
        <v>17</v>
      </c>
      <c r="V6" s="38" t="s">
        <v>20</v>
      </c>
      <c r="W6" s="36" t="s">
        <v>16</v>
      </c>
      <c r="X6" s="37" t="s">
        <v>17</v>
      </c>
      <c r="Y6" s="38" t="s">
        <v>18</v>
      </c>
      <c r="Z6" s="39" t="s">
        <v>16</v>
      </c>
      <c r="AA6" s="22" t="s">
        <v>17</v>
      </c>
      <c r="AB6" s="23" t="s">
        <v>18</v>
      </c>
      <c r="AC6" s="18" t="s">
        <v>21</v>
      </c>
      <c r="AG6" s="29" t="s">
        <v>22</v>
      </c>
      <c r="AH6" s="21" t="s">
        <v>23</v>
      </c>
    </row>
    <row r="7" spans="1:34" ht="15" customHeight="1" thickBot="1" x14ac:dyDescent="0.3">
      <c r="B7" s="55" t="s">
        <v>24</v>
      </c>
      <c r="C7" s="4" t="s">
        <v>38</v>
      </c>
      <c r="D7" s="34"/>
      <c r="E7" s="31"/>
      <c r="F7" s="31"/>
      <c r="G7" s="34">
        <f>F7*D7*E7</f>
        <v>0</v>
      </c>
      <c r="H7" s="45" t="s">
        <v>25</v>
      </c>
      <c r="I7" s="34"/>
      <c r="J7" s="34"/>
      <c r="K7" s="31"/>
      <c r="L7" s="34">
        <f>K7*I7*J7</f>
        <v>0</v>
      </c>
      <c r="M7" s="40">
        <v>0</v>
      </c>
      <c r="N7" s="40">
        <v>0</v>
      </c>
      <c r="O7" s="40">
        <v>0</v>
      </c>
      <c r="P7" s="40">
        <f>N7+O7+M7</f>
        <v>0</v>
      </c>
      <c r="Q7" s="40">
        <v>0</v>
      </c>
      <c r="R7" s="40">
        <v>0</v>
      </c>
      <c r="S7" s="40">
        <v>0</v>
      </c>
      <c r="T7" s="40">
        <v>0</v>
      </c>
      <c r="U7" s="40">
        <v>0</v>
      </c>
      <c r="V7" s="40">
        <v>0</v>
      </c>
      <c r="W7" s="49">
        <f>M7*15%</f>
        <v>0</v>
      </c>
      <c r="X7" s="49">
        <f>N7*15%</f>
        <v>0</v>
      </c>
      <c r="Y7" s="49">
        <f>O7*15%</f>
        <v>0</v>
      </c>
      <c r="Z7" s="41">
        <f>+M7+Q7+T7+W7</f>
        <v>0</v>
      </c>
      <c r="AA7" s="41">
        <f t="shared" ref="AA7:AB9" si="0">+N7+R7+U7+X7</f>
        <v>0</v>
      </c>
      <c r="AB7" s="41">
        <f>+O7+S7+V7+Y7</f>
        <v>0</v>
      </c>
      <c r="AC7" s="41">
        <f>+Z7+AA7+AB7</f>
        <v>0</v>
      </c>
      <c r="AG7" s="30" t="s">
        <v>25</v>
      </c>
      <c r="AH7" s="21" t="s">
        <v>26</v>
      </c>
    </row>
    <row r="8" spans="1:34" ht="15.75" thickBot="1" x14ac:dyDescent="0.3">
      <c r="B8" s="56"/>
      <c r="C8" s="5" t="s">
        <v>39</v>
      </c>
      <c r="D8" s="34"/>
      <c r="E8" s="31"/>
      <c r="F8" s="31"/>
      <c r="G8" s="34">
        <f t="shared" ref="G8:G9" si="1">F8*D8*E8</f>
        <v>0</v>
      </c>
      <c r="H8" s="45" t="s">
        <v>25</v>
      </c>
      <c r="I8" s="34"/>
      <c r="J8" s="34"/>
      <c r="K8" s="31"/>
      <c r="L8" s="34">
        <f t="shared" ref="L8:L25" si="2">K8*I8*J8</f>
        <v>0</v>
      </c>
      <c r="M8" s="40">
        <v>0</v>
      </c>
      <c r="N8" s="40">
        <v>0</v>
      </c>
      <c r="O8" s="40">
        <v>0</v>
      </c>
      <c r="P8" s="40">
        <f t="shared" ref="P8:P26" si="3">N8+O8+M8</f>
        <v>0</v>
      </c>
      <c r="Q8" s="48"/>
      <c r="R8" s="48"/>
      <c r="S8" s="48"/>
      <c r="T8" s="48"/>
      <c r="U8" s="48"/>
      <c r="V8" s="48"/>
      <c r="W8" s="49">
        <f t="shared" ref="W8:W25" si="4">M8*15%</f>
        <v>0</v>
      </c>
      <c r="X8" s="49">
        <f>N8*15%</f>
        <v>0</v>
      </c>
      <c r="Y8" s="49">
        <f>O8*15%</f>
        <v>0</v>
      </c>
      <c r="Z8" s="41">
        <f>+M8+Q8+T8+W8</f>
        <v>0</v>
      </c>
      <c r="AA8" s="41">
        <f t="shared" si="0"/>
        <v>0</v>
      </c>
      <c r="AB8" s="41">
        <f t="shared" si="0"/>
        <v>0</v>
      </c>
      <c r="AC8" s="41">
        <f t="shared" ref="AC8" si="5">+Z8+AA8+AB8</f>
        <v>0</v>
      </c>
    </row>
    <row r="9" spans="1:34" ht="15.75" thickBot="1" x14ac:dyDescent="0.3">
      <c r="B9" s="57"/>
      <c r="C9" s="7" t="s">
        <v>40</v>
      </c>
      <c r="D9" s="34"/>
      <c r="E9" s="31"/>
      <c r="F9" s="31"/>
      <c r="G9" s="34">
        <f t="shared" si="1"/>
        <v>0</v>
      </c>
      <c r="H9" s="45" t="s">
        <v>25</v>
      </c>
      <c r="I9" s="34"/>
      <c r="J9" s="34"/>
      <c r="K9" s="31"/>
      <c r="L9" s="34">
        <f t="shared" si="2"/>
        <v>0</v>
      </c>
      <c r="M9" s="40">
        <v>0</v>
      </c>
      <c r="N9" s="40">
        <v>0</v>
      </c>
      <c r="O9" s="40">
        <v>0</v>
      </c>
      <c r="P9" s="40">
        <f t="shared" si="3"/>
        <v>0</v>
      </c>
      <c r="Q9" s="48"/>
      <c r="R9" s="48"/>
      <c r="S9" s="48"/>
      <c r="T9" s="48"/>
      <c r="U9" s="48"/>
      <c r="V9" s="48"/>
      <c r="W9" s="49">
        <f t="shared" si="4"/>
        <v>0</v>
      </c>
      <c r="X9" s="49">
        <f t="shared" ref="X9:Y25" si="6">N9*15%</f>
        <v>0</v>
      </c>
      <c r="Y9" s="49">
        <f t="shared" si="6"/>
        <v>0</v>
      </c>
      <c r="Z9" s="41">
        <f>+M9+Q9+T9+W9</f>
        <v>0</v>
      </c>
      <c r="AA9" s="41">
        <f t="shared" si="0"/>
        <v>0</v>
      </c>
      <c r="AB9" s="41">
        <f t="shared" si="0"/>
        <v>0</v>
      </c>
      <c r="AC9" s="41">
        <f>+Z9+AA9+AB9</f>
        <v>0</v>
      </c>
    </row>
    <row r="10" spans="1:34" ht="15.75" thickBot="1" x14ac:dyDescent="0.3">
      <c r="B10" s="9"/>
      <c r="C10" s="46"/>
      <c r="D10" s="15" t="s">
        <v>27</v>
      </c>
      <c r="E10" s="15"/>
      <c r="F10" s="15"/>
      <c r="G10" s="15"/>
      <c r="H10" s="46"/>
      <c r="I10" s="15"/>
      <c r="J10" s="15"/>
      <c r="K10" s="15"/>
      <c r="L10" s="15"/>
      <c r="M10" s="42">
        <f>SUM(M7:M9)</f>
        <v>0</v>
      </c>
      <c r="N10" s="42">
        <f t="shared" ref="N10" si="7">SUM(N7:N9)</f>
        <v>0</v>
      </c>
      <c r="O10" s="42">
        <f>SUM(O7:O9)</f>
        <v>0</v>
      </c>
      <c r="P10" s="42">
        <f t="shared" si="3"/>
        <v>0</v>
      </c>
      <c r="Q10" s="16">
        <f>SUM(Q7:Q9)</f>
        <v>0</v>
      </c>
      <c r="R10" s="16">
        <f t="shared" ref="R10" si="8">SUM(R7:R9)</f>
        <v>0</v>
      </c>
      <c r="S10" s="16">
        <f>SUM(S7:S9)</f>
        <v>0</v>
      </c>
      <c r="T10" s="16">
        <f>SUM(T7:T9)</f>
        <v>0</v>
      </c>
      <c r="U10" s="16">
        <f t="shared" ref="U10" si="9">SUM(U7:U9)</f>
        <v>0</v>
      </c>
      <c r="V10" s="16">
        <f>SUM(V7:V9)</f>
        <v>0</v>
      </c>
      <c r="W10" s="16">
        <f>SUM(W7:W9)</f>
        <v>0</v>
      </c>
      <c r="X10" s="16">
        <f>SUM(X7:X9)</f>
        <v>0</v>
      </c>
      <c r="Y10" s="16">
        <f>SUM(Y7:Y9)</f>
        <v>0</v>
      </c>
      <c r="Z10" s="16">
        <f>SUM(Z7:Z9)</f>
        <v>0</v>
      </c>
      <c r="AA10" s="16">
        <f t="shared" ref="AA10" si="10">SUM(AA7:AA9)</f>
        <v>0</v>
      </c>
      <c r="AB10" s="16">
        <f>SUM(AB7:AB9)</f>
        <v>0</v>
      </c>
      <c r="AC10" s="24">
        <f>SUM(Z10:AB10)</f>
        <v>0</v>
      </c>
    </row>
    <row r="11" spans="1:34" ht="15.75" thickBot="1" x14ac:dyDescent="0.3">
      <c r="B11" s="55" t="s">
        <v>28</v>
      </c>
      <c r="C11" s="4" t="s">
        <v>38</v>
      </c>
      <c r="D11" s="34"/>
      <c r="E11" s="31"/>
      <c r="F11" s="31"/>
      <c r="G11" s="34">
        <f>F11*D11*E11</f>
        <v>0</v>
      </c>
      <c r="H11" s="45" t="s">
        <v>25</v>
      </c>
      <c r="I11" s="34"/>
      <c r="J11" s="34"/>
      <c r="K11" s="31"/>
      <c r="L11" s="34">
        <f t="shared" si="2"/>
        <v>0</v>
      </c>
      <c r="M11" s="40">
        <v>0</v>
      </c>
      <c r="N11" s="41">
        <v>0</v>
      </c>
      <c r="O11" s="40">
        <v>0</v>
      </c>
      <c r="P11" s="41">
        <f t="shared" si="3"/>
        <v>0</v>
      </c>
      <c r="Q11" s="47"/>
      <c r="R11" s="47"/>
      <c r="S11" s="47"/>
      <c r="T11" s="47"/>
      <c r="U11" s="47"/>
      <c r="V11" s="47"/>
      <c r="W11" s="49">
        <f t="shared" si="4"/>
        <v>0</v>
      </c>
      <c r="X11" s="49">
        <f t="shared" si="6"/>
        <v>0</v>
      </c>
      <c r="Y11" s="49">
        <f t="shared" si="6"/>
        <v>0</v>
      </c>
      <c r="Z11" s="41">
        <f>+M11+Q11+T11+W11</f>
        <v>0</v>
      </c>
      <c r="AA11" s="41">
        <f t="shared" ref="AA11:AB13" si="11">+N11+R11+U11+X11</f>
        <v>0</v>
      </c>
      <c r="AB11" s="41">
        <f t="shared" si="11"/>
        <v>0</v>
      </c>
      <c r="AC11" s="41">
        <f>+Z11+AA11+AB11</f>
        <v>0</v>
      </c>
    </row>
    <row r="12" spans="1:34" ht="15.75" thickBot="1" x14ac:dyDescent="0.3">
      <c r="B12" s="56"/>
      <c r="C12" s="5" t="s">
        <v>39</v>
      </c>
      <c r="D12" s="34"/>
      <c r="E12" s="31"/>
      <c r="F12" s="31"/>
      <c r="G12" s="34">
        <f t="shared" ref="G12:G13" si="12">F12*D12*E12</f>
        <v>0</v>
      </c>
      <c r="H12" s="45" t="s">
        <v>25</v>
      </c>
      <c r="I12" s="34"/>
      <c r="J12" s="34"/>
      <c r="K12" s="31"/>
      <c r="L12" s="34">
        <f t="shared" si="2"/>
        <v>0</v>
      </c>
      <c r="M12" s="40">
        <v>0</v>
      </c>
      <c r="N12" s="41">
        <v>0</v>
      </c>
      <c r="O12" s="40">
        <v>0</v>
      </c>
      <c r="P12" s="41">
        <f t="shared" si="3"/>
        <v>0</v>
      </c>
      <c r="Q12" s="48"/>
      <c r="R12" s="48"/>
      <c r="S12" s="48"/>
      <c r="T12" s="48"/>
      <c r="U12" s="48"/>
      <c r="V12" s="48"/>
      <c r="W12" s="49">
        <f t="shared" si="4"/>
        <v>0</v>
      </c>
      <c r="X12" s="49">
        <f t="shared" si="6"/>
        <v>0</v>
      </c>
      <c r="Y12" s="49">
        <f t="shared" si="6"/>
        <v>0</v>
      </c>
      <c r="Z12" s="41">
        <f>+M12+Q12+T12+W12</f>
        <v>0</v>
      </c>
      <c r="AA12" s="41">
        <f t="shared" si="11"/>
        <v>0</v>
      </c>
      <c r="AB12" s="41">
        <f t="shared" si="11"/>
        <v>0</v>
      </c>
      <c r="AC12" s="41">
        <f>+Z12+AA12+AB12</f>
        <v>0</v>
      </c>
    </row>
    <row r="13" spans="1:34" ht="15.75" thickBot="1" x14ac:dyDescent="0.3">
      <c r="B13" s="57"/>
      <c r="C13" s="7" t="s">
        <v>40</v>
      </c>
      <c r="D13" s="34"/>
      <c r="E13" s="31"/>
      <c r="F13" s="31"/>
      <c r="G13" s="34">
        <f t="shared" si="12"/>
        <v>0</v>
      </c>
      <c r="H13" s="45" t="s">
        <v>25</v>
      </c>
      <c r="I13" s="34"/>
      <c r="J13" s="34"/>
      <c r="K13" s="31"/>
      <c r="L13" s="34">
        <f t="shared" si="2"/>
        <v>0</v>
      </c>
      <c r="M13" s="40">
        <v>0</v>
      </c>
      <c r="N13" s="41">
        <v>0</v>
      </c>
      <c r="O13" s="40">
        <v>0</v>
      </c>
      <c r="P13" s="41">
        <f t="shared" si="3"/>
        <v>0</v>
      </c>
      <c r="Q13" s="48"/>
      <c r="R13" s="48"/>
      <c r="S13" s="48"/>
      <c r="T13" s="48"/>
      <c r="U13" s="48"/>
      <c r="V13" s="48"/>
      <c r="W13" s="49">
        <f t="shared" si="4"/>
        <v>0</v>
      </c>
      <c r="X13" s="49">
        <f t="shared" si="6"/>
        <v>0</v>
      </c>
      <c r="Y13" s="49">
        <f t="shared" si="6"/>
        <v>0</v>
      </c>
      <c r="Z13" s="41">
        <f>+M13+Q13+T13+W13</f>
        <v>0</v>
      </c>
      <c r="AA13" s="41">
        <f t="shared" si="11"/>
        <v>0</v>
      </c>
      <c r="AB13" s="41">
        <f t="shared" si="11"/>
        <v>0</v>
      </c>
      <c r="AC13" s="41">
        <f>+Z13+AA13+AB13</f>
        <v>0</v>
      </c>
    </row>
    <row r="14" spans="1:34" s="10" customFormat="1" ht="15.75" thickBot="1" x14ac:dyDescent="0.3">
      <c r="B14" s="9"/>
      <c r="C14" s="46"/>
      <c r="D14" s="15" t="s">
        <v>29</v>
      </c>
      <c r="E14" s="15"/>
      <c r="F14" s="15"/>
      <c r="G14" s="15"/>
      <c r="H14" s="46"/>
      <c r="I14" s="15"/>
      <c r="J14" s="15"/>
      <c r="K14" s="15"/>
      <c r="L14" s="15"/>
      <c r="M14" s="42">
        <f>SUM(M11:M13)</f>
        <v>0</v>
      </c>
      <c r="N14" s="42">
        <f t="shared" ref="N14" si="13">SUM(N11:N13)</f>
        <v>0</v>
      </c>
      <c r="O14" s="42">
        <f>SUM(O11:O13)</f>
        <v>0</v>
      </c>
      <c r="P14" s="42">
        <f t="shared" si="3"/>
        <v>0</v>
      </c>
      <c r="Q14" s="16">
        <f>SUM(Q11:Q13)</f>
        <v>0</v>
      </c>
      <c r="R14" s="16">
        <f t="shared" ref="R14" si="14">SUM(R11:R13)</f>
        <v>0</v>
      </c>
      <c r="S14" s="16">
        <f>SUM(S11:S13)</f>
        <v>0</v>
      </c>
      <c r="T14" s="16">
        <f>SUM(T11:T13)</f>
        <v>0</v>
      </c>
      <c r="U14" s="16">
        <f t="shared" ref="U14" si="15">SUM(U11:U13)</f>
        <v>0</v>
      </c>
      <c r="V14" s="16">
        <f>SUM(V11:V13)</f>
        <v>0</v>
      </c>
      <c r="W14" s="16">
        <f>SUM(W11:W13)</f>
        <v>0</v>
      </c>
      <c r="X14" s="16">
        <f t="shared" ref="X14" si="16">SUM(X11:X13)</f>
        <v>0</v>
      </c>
      <c r="Y14" s="16">
        <f>SUM(Y11:Y13)</f>
        <v>0</v>
      </c>
      <c r="Z14" s="16">
        <f>SUM(Z11:Z13)</f>
        <v>0</v>
      </c>
      <c r="AA14" s="16">
        <f t="shared" ref="AA14" si="17">SUM(AA11:AA13)</f>
        <v>0</v>
      </c>
      <c r="AB14" s="16">
        <f>SUM(AB11:AB13)</f>
        <v>0</v>
      </c>
      <c r="AC14" s="24">
        <f>SUM(Z14:AB14)</f>
        <v>0</v>
      </c>
    </row>
    <row r="15" spans="1:34" ht="15.75" thickBot="1" x14ac:dyDescent="0.3">
      <c r="B15" s="55" t="s">
        <v>30</v>
      </c>
      <c r="C15" s="4" t="s">
        <v>38</v>
      </c>
      <c r="D15" s="34"/>
      <c r="E15" s="31"/>
      <c r="F15" s="31"/>
      <c r="G15" s="34">
        <f>F15*D15*E15</f>
        <v>0</v>
      </c>
      <c r="H15" s="45" t="s">
        <v>25</v>
      </c>
      <c r="I15" s="34"/>
      <c r="J15" s="34"/>
      <c r="K15" s="31"/>
      <c r="L15" s="34">
        <f t="shared" si="2"/>
        <v>0</v>
      </c>
      <c r="M15" s="40">
        <v>0</v>
      </c>
      <c r="N15" s="41">
        <v>0</v>
      </c>
      <c r="O15" s="40">
        <v>0</v>
      </c>
      <c r="P15" s="41">
        <f t="shared" si="3"/>
        <v>0</v>
      </c>
      <c r="Q15" s="47"/>
      <c r="R15" s="47"/>
      <c r="S15" s="47"/>
      <c r="T15" s="47"/>
      <c r="U15" s="47"/>
      <c r="V15" s="47"/>
      <c r="W15" s="49">
        <f t="shared" si="4"/>
        <v>0</v>
      </c>
      <c r="X15" s="49">
        <f t="shared" si="6"/>
        <v>0</v>
      </c>
      <c r="Y15" s="49">
        <f t="shared" si="6"/>
        <v>0</v>
      </c>
      <c r="Z15" s="41">
        <f>+M15+Q15+T15+W15</f>
        <v>0</v>
      </c>
      <c r="AA15" s="41">
        <f t="shared" ref="AA15:AB17" si="18">+N15+R15+U15+X15</f>
        <v>0</v>
      </c>
      <c r="AB15" s="41">
        <f t="shared" si="18"/>
        <v>0</v>
      </c>
      <c r="AC15" s="41">
        <f>+Z15+AA15+AB15</f>
        <v>0</v>
      </c>
    </row>
    <row r="16" spans="1:34" ht="15.75" thickBot="1" x14ac:dyDescent="0.3">
      <c r="B16" s="56"/>
      <c r="C16" s="5" t="s">
        <v>39</v>
      </c>
      <c r="D16" s="34"/>
      <c r="E16" s="31"/>
      <c r="F16" s="31"/>
      <c r="G16" s="34">
        <f t="shared" ref="G16:G17" si="19">F16*D16*E16</f>
        <v>0</v>
      </c>
      <c r="H16" s="45" t="s">
        <v>25</v>
      </c>
      <c r="I16" s="34"/>
      <c r="J16" s="34"/>
      <c r="K16" s="31"/>
      <c r="L16" s="34">
        <f t="shared" si="2"/>
        <v>0</v>
      </c>
      <c r="M16" s="40">
        <v>0</v>
      </c>
      <c r="N16" s="41">
        <v>0</v>
      </c>
      <c r="O16" s="40">
        <v>0</v>
      </c>
      <c r="P16" s="41">
        <f t="shared" si="3"/>
        <v>0</v>
      </c>
      <c r="Q16" s="48"/>
      <c r="R16" s="48"/>
      <c r="S16" s="48"/>
      <c r="T16" s="48"/>
      <c r="U16" s="48"/>
      <c r="V16" s="48"/>
      <c r="W16" s="49">
        <f t="shared" si="4"/>
        <v>0</v>
      </c>
      <c r="X16" s="49">
        <f t="shared" si="6"/>
        <v>0</v>
      </c>
      <c r="Y16" s="49">
        <f t="shared" si="6"/>
        <v>0</v>
      </c>
      <c r="Z16" s="41">
        <f>+M16+Q16+T16+W16</f>
        <v>0</v>
      </c>
      <c r="AA16" s="41">
        <f t="shared" si="18"/>
        <v>0</v>
      </c>
      <c r="AB16" s="41">
        <f t="shared" si="18"/>
        <v>0</v>
      </c>
      <c r="AC16" s="41">
        <f t="shared" ref="AC16" si="20">+Z16+AA16+AB16</f>
        <v>0</v>
      </c>
    </row>
    <row r="17" spans="2:29" ht="15.75" thickBot="1" x14ac:dyDescent="0.3">
      <c r="B17" s="57"/>
      <c r="C17" s="7" t="s">
        <v>40</v>
      </c>
      <c r="D17" s="34"/>
      <c r="E17" s="31"/>
      <c r="F17" s="31"/>
      <c r="G17" s="34">
        <f t="shared" si="19"/>
        <v>0</v>
      </c>
      <c r="H17" s="45" t="s">
        <v>25</v>
      </c>
      <c r="I17" s="34"/>
      <c r="J17" s="34"/>
      <c r="K17" s="31"/>
      <c r="L17" s="34">
        <f t="shared" si="2"/>
        <v>0</v>
      </c>
      <c r="M17" s="40">
        <v>0</v>
      </c>
      <c r="N17" s="41">
        <v>0</v>
      </c>
      <c r="O17" s="40">
        <v>0</v>
      </c>
      <c r="P17" s="41">
        <f t="shared" si="3"/>
        <v>0</v>
      </c>
      <c r="Q17" s="48"/>
      <c r="R17" s="48"/>
      <c r="S17" s="48"/>
      <c r="T17" s="48"/>
      <c r="U17" s="48"/>
      <c r="V17" s="48"/>
      <c r="W17" s="49">
        <f t="shared" si="4"/>
        <v>0</v>
      </c>
      <c r="X17" s="49">
        <f t="shared" si="6"/>
        <v>0</v>
      </c>
      <c r="Y17" s="49">
        <f t="shared" si="6"/>
        <v>0</v>
      </c>
      <c r="Z17" s="41">
        <f>+M17+Q17+T17+W17</f>
        <v>0</v>
      </c>
      <c r="AA17" s="41">
        <f t="shared" si="18"/>
        <v>0</v>
      </c>
      <c r="AB17" s="41">
        <f t="shared" si="18"/>
        <v>0</v>
      </c>
      <c r="AC17" s="41">
        <f>+Z17+AA17+AB17</f>
        <v>0</v>
      </c>
    </row>
    <row r="18" spans="2:29" s="10" customFormat="1" ht="15.75" thickBot="1" x14ac:dyDescent="0.3">
      <c r="B18" s="9"/>
      <c r="C18" s="46"/>
      <c r="D18" s="15" t="s">
        <v>31</v>
      </c>
      <c r="E18" s="15"/>
      <c r="F18" s="15"/>
      <c r="G18" s="15"/>
      <c r="H18" s="46"/>
      <c r="I18" s="15"/>
      <c r="J18" s="15"/>
      <c r="K18" s="15"/>
      <c r="L18" s="15"/>
      <c r="M18" s="42">
        <f>SUM(M15:M17)</f>
        <v>0</v>
      </c>
      <c r="N18" s="42">
        <f t="shared" ref="N18" si="21">SUM(N15:N17)</f>
        <v>0</v>
      </c>
      <c r="O18" s="42">
        <f>SUM(O15:O17)</f>
        <v>0</v>
      </c>
      <c r="P18" s="42">
        <f t="shared" si="3"/>
        <v>0</v>
      </c>
      <c r="Q18" s="16">
        <f>SUM(Q15:Q17)</f>
        <v>0</v>
      </c>
      <c r="R18" s="16">
        <f t="shared" ref="R18" si="22">SUM(R15:R17)</f>
        <v>0</v>
      </c>
      <c r="S18" s="16">
        <f>SUM(S15:S17)</f>
        <v>0</v>
      </c>
      <c r="T18" s="16">
        <f>SUM(T15:T17)</f>
        <v>0</v>
      </c>
      <c r="U18" s="16">
        <f t="shared" ref="U18" si="23">SUM(U15:U17)</f>
        <v>0</v>
      </c>
      <c r="V18" s="16">
        <f>SUM(V15:V17)</f>
        <v>0</v>
      </c>
      <c r="W18" s="16">
        <f>SUM(W15:W17)</f>
        <v>0</v>
      </c>
      <c r="X18" s="16">
        <f t="shared" ref="X18" si="24">SUM(X15:X17)</f>
        <v>0</v>
      </c>
      <c r="Y18" s="16">
        <f>SUM(Y15:Y17)</f>
        <v>0</v>
      </c>
      <c r="Z18" s="16">
        <f>SUM(Z15:Z17)</f>
        <v>0</v>
      </c>
      <c r="AA18" s="16">
        <f t="shared" ref="AA18" si="25">SUM(AA15:AA17)</f>
        <v>0</v>
      </c>
      <c r="AB18" s="16">
        <f>SUM(AB15:AB17)</f>
        <v>0</v>
      </c>
      <c r="AC18" s="24">
        <f>SUM(Z18:AB18)</f>
        <v>0</v>
      </c>
    </row>
    <row r="19" spans="2:29" ht="15.75" thickBot="1" x14ac:dyDescent="0.3">
      <c r="B19" s="55" t="s">
        <v>32</v>
      </c>
      <c r="C19" s="4" t="s">
        <v>38</v>
      </c>
      <c r="D19" s="34"/>
      <c r="E19" s="31"/>
      <c r="F19" s="31"/>
      <c r="G19" s="34">
        <f>F19*D19*E19</f>
        <v>0</v>
      </c>
      <c r="H19" s="45" t="s">
        <v>25</v>
      </c>
      <c r="I19" s="34"/>
      <c r="J19" s="34"/>
      <c r="K19" s="31"/>
      <c r="L19" s="34">
        <f t="shared" si="2"/>
        <v>0</v>
      </c>
      <c r="M19" s="40">
        <v>0</v>
      </c>
      <c r="N19" s="40">
        <v>0</v>
      </c>
      <c r="O19" s="40">
        <v>0</v>
      </c>
      <c r="P19" s="40">
        <f t="shared" si="3"/>
        <v>0</v>
      </c>
      <c r="Q19" s="47"/>
      <c r="R19" s="47"/>
      <c r="S19" s="47"/>
      <c r="T19" s="47"/>
      <c r="U19" s="47"/>
      <c r="V19" s="47"/>
      <c r="W19" s="49">
        <f t="shared" si="4"/>
        <v>0</v>
      </c>
      <c r="X19" s="49">
        <f t="shared" si="6"/>
        <v>0</v>
      </c>
      <c r="Y19" s="49">
        <f t="shared" si="6"/>
        <v>0</v>
      </c>
      <c r="Z19" s="41">
        <f>+M19+Q19+T19+W19</f>
        <v>0</v>
      </c>
      <c r="AA19" s="41">
        <f t="shared" ref="AA19:AB21" si="26">+N19+R19+U19+X19</f>
        <v>0</v>
      </c>
      <c r="AB19" s="41">
        <f t="shared" si="26"/>
        <v>0</v>
      </c>
      <c r="AC19" s="41">
        <f>+Z19+AA19+AB19</f>
        <v>0</v>
      </c>
    </row>
    <row r="20" spans="2:29" ht="15.75" thickBot="1" x14ac:dyDescent="0.3">
      <c r="B20" s="56"/>
      <c r="C20" s="5" t="s">
        <v>39</v>
      </c>
      <c r="D20" s="34"/>
      <c r="E20" s="31"/>
      <c r="F20" s="31"/>
      <c r="G20" s="34">
        <f t="shared" ref="G20:G21" si="27">F20*D20*E20</f>
        <v>0</v>
      </c>
      <c r="H20" s="45" t="s">
        <v>25</v>
      </c>
      <c r="I20" s="34"/>
      <c r="J20" s="34"/>
      <c r="K20" s="31"/>
      <c r="L20" s="34">
        <f t="shared" si="2"/>
        <v>0</v>
      </c>
      <c r="M20" s="40">
        <v>0</v>
      </c>
      <c r="N20" s="40">
        <v>0</v>
      </c>
      <c r="O20" s="40">
        <v>0</v>
      </c>
      <c r="P20" s="40">
        <f t="shared" si="3"/>
        <v>0</v>
      </c>
      <c r="Q20" s="48"/>
      <c r="R20" s="48"/>
      <c r="S20" s="48"/>
      <c r="T20" s="48"/>
      <c r="U20" s="48"/>
      <c r="V20" s="48"/>
      <c r="W20" s="49">
        <f>M20*15%</f>
        <v>0</v>
      </c>
      <c r="X20" s="49">
        <f t="shared" si="6"/>
        <v>0</v>
      </c>
      <c r="Y20" s="49">
        <f>O20*15%</f>
        <v>0</v>
      </c>
      <c r="Z20" s="41">
        <f>+M20+Q20+T20+W20</f>
        <v>0</v>
      </c>
      <c r="AA20" s="41">
        <f t="shared" si="26"/>
        <v>0</v>
      </c>
      <c r="AB20" s="41">
        <f t="shared" si="26"/>
        <v>0</v>
      </c>
      <c r="AC20" s="41">
        <f t="shared" ref="AC20" si="28">+Z20+AA20+AB20</f>
        <v>0</v>
      </c>
    </row>
    <row r="21" spans="2:29" ht="15.75" thickBot="1" x14ac:dyDescent="0.3">
      <c r="B21" s="57"/>
      <c r="C21" s="7" t="s">
        <v>40</v>
      </c>
      <c r="D21" s="34"/>
      <c r="E21" s="31"/>
      <c r="F21" s="31"/>
      <c r="G21" s="34">
        <f t="shared" si="27"/>
        <v>0</v>
      </c>
      <c r="H21" s="45" t="s">
        <v>25</v>
      </c>
      <c r="I21" s="34"/>
      <c r="J21" s="34"/>
      <c r="K21" s="31"/>
      <c r="L21" s="34">
        <f t="shared" si="2"/>
        <v>0</v>
      </c>
      <c r="M21" s="40">
        <v>0</v>
      </c>
      <c r="N21" s="40">
        <v>0</v>
      </c>
      <c r="O21" s="40">
        <v>0</v>
      </c>
      <c r="P21" s="40">
        <f t="shared" si="3"/>
        <v>0</v>
      </c>
      <c r="Q21" s="48"/>
      <c r="R21" s="48"/>
      <c r="S21" s="48"/>
      <c r="T21" s="48"/>
      <c r="U21" s="48"/>
      <c r="V21" s="48"/>
      <c r="W21" s="49">
        <f t="shared" si="4"/>
        <v>0</v>
      </c>
      <c r="X21" s="49">
        <f t="shared" si="6"/>
        <v>0</v>
      </c>
      <c r="Y21" s="49">
        <f t="shared" si="6"/>
        <v>0</v>
      </c>
      <c r="Z21" s="41">
        <f>+M21+Q21+T21+W21</f>
        <v>0</v>
      </c>
      <c r="AA21" s="41">
        <f t="shared" si="26"/>
        <v>0</v>
      </c>
      <c r="AB21" s="41">
        <f t="shared" si="26"/>
        <v>0</v>
      </c>
      <c r="AC21" s="41">
        <f>+Z21+AA21+AB21</f>
        <v>0</v>
      </c>
    </row>
    <row r="22" spans="2:29" s="10" customFormat="1" ht="15.75" thickBot="1" x14ac:dyDescent="0.3">
      <c r="B22" s="9"/>
      <c r="C22" s="46"/>
      <c r="D22" s="15" t="s">
        <v>33</v>
      </c>
      <c r="E22" s="15"/>
      <c r="F22" s="15"/>
      <c r="G22" s="15"/>
      <c r="H22" s="46"/>
      <c r="I22" s="15"/>
      <c r="J22" s="15"/>
      <c r="K22" s="15"/>
      <c r="L22" s="15"/>
      <c r="M22" s="42">
        <f>SUM(M19:M21)</f>
        <v>0</v>
      </c>
      <c r="N22" s="42">
        <f t="shared" ref="N22" si="29">SUM(N19:N21)</f>
        <v>0</v>
      </c>
      <c r="O22" s="42">
        <f>SUM(O19:O21)</f>
        <v>0</v>
      </c>
      <c r="P22" s="42">
        <f t="shared" si="3"/>
        <v>0</v>
      </c>
      <c r="Q22" s="16">
        <f>SUM(Q19:Q21)</f>
        <v>0</v>
      </c>
      <c r="R22" s="16">
        <f t="shared" ref="R22" si="30">SUM(R19:R21)</f>
        <v>0</v>
      </c>
      <c r="S22" s="16">
        <f>SUM(S19:S21)</f>
        <v>0</v>
      </c>
      <c r="T22" s="16">
        <f>SUM(T19:T21)</f>
        <v>0</v>
      </c>
      <c r="U22" s="16">
        <f t="shared" ref="U22" si="31">SUM(U19:U21)</f>
        <v>0</v>
      </c>
      <c r="V22" s="16">
        <f>SUM(V19:V21)</f>
        <v>0</v>
      </c>
      <c r="W22" s="16">
        <f>SUM(W19:W21)</f>
        <v>0</v>
      </c>
      <c r="X22" s="16">
        <f t="shared" ref="X22" si="32">SUM(X19:X21)</f>
        <v>0</v>
      </c>
      <c r="Y22" s="16">
        <f>SUM(Y19:Y21)</f>
        <v>0</v>
      </c>
      <c r="Z22" s="16">
        <f>SUM(Z19:Z21)</f>
        <v>0</v>
      </c>
      <c r="AA22" s="16">
        <f t="shared" ref="AA22" si="33">SUM(AA19:AA21)</f>
        <v>0</v>
      </c>
      <c r="AB22" s="16">
        <f>SUM(AB19:AB21)</f>
        <v>0</v>
      </c>
      <c r="AC22" s="24">
        <f>SUM(Z22:AB22)</f>
        <v>0</v>
      </c>
    </row>
    <row r="23" spans="2:29" ht="15.75" thickBot="1" x14ac:dyDescent="0.3">
      <c r="B23" s="55" t="s">
        <v>34</v>
      </c>
      <c r="C23" s="4" t="s">
        <v>38</v>
      </c>
      <c r="D23" s="34"/>
      <c r="E23" s="31"/>
      <c r="F23" s="31"/>
      <c r="G23" s="34">
        <f>F23*D23*E23</f>
        <v>0</v>
      </c>
      <c r="H23" s="45" t="s">
        <v>25</v>
      </c>
      <c r="I23" s="34"/>
      <c r="J23" s="34"/>
      <c r="K23" s="31"/>
      <c r="L23" s="34">
        <f t="shared" si="2"/>
        <v>0</v>
      </c>
      <c r="M23" s="40">
        <v>0</v>
      </c>
      <c r="N23" s="40">
        <v>0</v>
      </c>
      <c r="O23" s="40">
        <v>0</v>
      </c>
      <c r="P23" s="43">
        <f t="shared" si="3"/>
        <v>0</v>
      </c>
      <c r="Q23" s="47"/>
      <c r="R23" s="47"/>
      <c r="S23" s="47"/>
      <c r="T23" s="47"/>
      <c r="U23" s="47"/>
      <c r="V23" s="47"/>
      <c r="W23" s="49">
        <f t="shared" si="4"/>
        <v>0</v>
      </c>
      <c r="X23" s="49">
        <f t="shared" si="6"/>
        <v>0</v>
      </c>
      <c r="Y23" s="49">
        <f t="shared" si="6"/>
        <v>0</v>
      </c>
      <c r="Z23" s="41">
        <f>+M23+Q23+T23+W23</f>
        <v>0</v>
      </c>
      <c r="AA23" s="41">
        <f t="shared" ref="AA23:AB25" si="34">+N23+R23+U23+X23</f>
        <v>0</v>
      </c>
      <c r="AB23" s="41">
        <f t="shared" si="34"/>
        <v>0</v>
      </c>
      <c r="AC23" s="41">
        <f>+Z23+AA23+AB23</f>
        <v>0</v>
      </c>
    </row>
    <row r="24" spans="2:29" ht="15.75" thickBot="1" x14ac:dyDescent="0.3">
      <c r="B24" s="56"/>
      <c r="C24" s="5" t="s">
        <v>39</v>
      </c>
      <c r="D24" s="34"/>
      <c r="E24" s="31"/>
      <c r="F24" s="31"/>
      <c r="G24" s="34">
        <f t="shared" ref="G24:G25" si="35">F24*D24*E24</f>
        <v>0</v>
      </c>
      <c r="H24" s="45" t="s">
        <v>25</v>
      </c>
      <c r="I24" s="34"/>
      <c r="J24" s="34"/>
      <c r="K24" s="31"/>
      <c r="L24" s="34">
        <f t="shared" si="2"/>
        <v>0</v>
      </c>
      <c r="M24" s="40">
        <v>0</v>
      </c>
      <c r="N24" s="40">
        <v>0</v>
      </c>
      <c r="O24" s="40">
        <v>0</v>
      </c>
      <c r="P24" s="43">
        <f t="shared" si="3"/>
        <v>0</v>
      </c>
      <c r="Q24" s="48"/>
      <c r="R24" s="48"/>
      <c r="S24" s="48"/>
      <c r="T24" s="48"/>
      <c r="U24" s="48"/>
      <c r="V24" s="48"/>
      <c r="W24" s="49">
        <f t="shared" si="4"/>
        <v>0</v>
      </c>
      <c r="X24" s="49">
        <f t="shared" si="6"/>
        <v>0</v>
      </c>
      <c r="Y24" s="49">
        <f t="shared" si="6"/>
        <v>0</v>
      </c>
      <c r="Z24" s="41">
        <f>+M24+Q24+T24+W24</f>
        <v>0</v>
      </c>
      <c r="AA24" s="41">
        <f t="shared" si="34"/>
        <v>0</v>
      </c>
      <c r="AB24" s="41">
        <f>+O24+S24+V24+Y24</f>
        <v>0</v>
      </c>
      <c r="AC24" s="41">
        <f t="shared" ref="AC24" si="36">+Z24+AA24+AB24</f>
        <v>0</v>
      </c>
    </row>
    <row r="25" spans="2:29" ht="15.75" thickBot="1" x14ac:dyDescent="0.3">
      <c r="B25" s="57"/>
      <c r="C25" s="7" t="s">
        <v>40</v>
      </c>
      <c r="D25" s="34"/>
      <c r="E25" s="31"/>
      <c r="F25" s="31"/>
      <c r="G25" s="34">
        <f t="shared" si="35"/>
        <v>0</v>
      </c>
      <c r="H25" s="45" t="s">
        <v>25</v>
      </c>
      <c r="I25" s="34"/>
      <c r="J25" s="34"/>
      <c r="K25" s="31"/>
      <c r="L25" s="34">
        <f t="shared" si="2"/>
        <v>0</v>
      </c>
      <c r="M25" s="40">
        <v>0</v>
      </c>
      <c r="N25" s="40">
        <v>0</v>
      </c>
      <c r="O25" s="40">
        <v>0</v>
      </c>
      <c r="P25" s="43">
        <f t="shared" si="3"/>
        <v>0</v>
      </c>
      <c r="Q25" s="48"/>
      <c r="R25" s="48"/>
      <c r="S25" s="48"/>
      <c r="T25" s="48"/>
      <c r="U25" s="48"/>
      <c r="V25" s="48"/>
      <c r="W25" s="49">
        <f t="shared" si="4"/>
        <v>0</v>
      </c>
      <c r="X25" s="49">
        <f t="shared" si="6"/>
        <v>0</v>
      </c>
      <c r="Y25" s="49">
        <f t="shared" si="6"/>
        <v>0</v>
      </c>
      <c r="Z25" s="41">
        <f>+M25+Q25+T25+W25</f>
        <v>0</v>
      </c>
      <c r="AA25" s="41">
        <f t="shared" si="34"/>
        <v>0</v>
      </c>
      <c r="AB25" s="41">
        <f t="shared" si="34"/>
        <v>0</v>
      </c>
      <c r="AC25" s="41">
        <f>+Z25+AA25+AB25</f>
        <v>0</v>
      </c>
    </row>
    <row r="26" spans="2:29" s="10" customFormat="1" ht="15.6" customHeight="1" thickBot="1" x14ac:dyDescent="0.3">
      <c r="B26" s="9"/>
      <c r="C26" s="46"/>
      <c r="D26" s="15" t="s">
        <v>35</v>
      </c>
      <c r="E26" s="15"/>
      <c r="F26" s="15"/>
      <c r="G26" s="15"/>
      <c r="H26" s="46"/>
      <c r="I26" s="15"/>
      <c r="J26" s="15"/>
      <c r="K26" s="15"/>
      <c r="L26" s="15"/>
      <c r="M26" s="42">
        <f>SUM(M23:M25)</f>
        <v>0</v>
      </c>
      <c r="N26" s="42">
        <f t="shared" ref="N26" si="37">SUM(N23:N25)</f>
        <v>0</v>
      </c>
      <c r="O26" s="42">
        <f>SUM(O23:O25)</f>
        <v>0</v>
      </c>
      <c r="P26" s="42">
        <f t="shared" si="3"/>
        <v>0</v>
      </c>
      <c r="Q26" s="16">
        <f>SUM(Q23:Q25)</f>
        <v>0</v>
      </c>
      <c r="R26" s="16">
        <f t="shared" ref="R26" si="38">SUM(R23:R25)</f>
        <v>0</v>
      </c>
      <c r="S26" s="16">
        <f>SUM(S23:S25)</f>
        <v>0</v>
      </c>
      <c r="T26" s="16">
        <f>SUM(T23:T25)</f>
        <v>0</v>
      </c>
      <c r="U26" s="16">
        <f t="shared" ref="U26" si="39">SUM(U23:U25)</f>
        <v>0</v>
      </c>
      <c r="V26" s="16">
        <f>SUM(V23:V25)</f>
        <v>0</v>
      </c>
      <c r="W26" s="16">
        <f>SUM(W23:W25)</f>
        <v>0</v>
      </c>
      <c r="X26" s="16">
        <f t="shared" ref="X26" si="40">SUM(X23:X25)</f>
        <v>0</v>
      </c>
      <c r="Y26" s="16">
        <f>SUM(Y23:Y25)</f>
        <v>0</v>
      </c>
      <c r="Z26" s="16">
        <f>SUM(Z23:Z25)</f>
        <v>0</v>
      </c>
      <c r="AA26" s="16">
        <f t="shared" ref="AA26" si="41">SUM(AA23:AA25)</f>
        <v>0</v>
      </c>
      <c r="AB26" s="16">
        <f>SUM(AB23:AB25)</f>
        <v>0</v>
      </c>
      <c r="AC26" s="24">
        <f>SUM(Z26:AB26)</f>
        <v>0</v>
      </c>
    </row>
    <row r="27" spans="2:29" ht="12.6" customHeight="1" thickBot="1" x14ac:dyDescent="0.3">
      <c r="B27" s="11"/>
      <c r="C27" s="11"/>
      <c r="D27" s="12"/>
      <c r="H27" s="11"/>
      <c r="N27" s="6"/>
      <c r="O27" s="6"/>
      <c r="P27" s="14"/>
      <c r="Q27" s="6"/>
      <c r="S27" s="13"/>
      <c r="T27" s="13"/>
      <c r="U27" s="13"/>
      <c r="V27" s="13"/>
      <c r="Y27" s="8"/>
      <c r="AC27" s="13"/>
    </row>
    <row r="28" spans="2:29" ht="16.5" thickBot="1" x14ac:dyDescent="0.3">
      <c r="B28" s="50" t="s">
        <v>36</v>
      </c>
      <c r="C28" s="51"/>
      <c r="D28" s="52"/>
      <c r="E28" s="27"/>
      <c r="F28" s="27"/>
      <c r="G28" s="27"/>
      <c r="H28" s="27"/>
      <c r="I28" s="26"/>
      <c r="J28" s="26"/>
      <c r="K28" s="26"/>
      <c r="L28" s="26"/>
      <c r="M28" s="17">
        <f>M10+M14+M18+M22+M26</f>
        <v>0</v>
      </c>
      <c r="N28" s="17">
        <f>N10+N14+N18+N22+N26</f>
        <v>0</v>
      </c>
      <c r="O28" s="17">
        <f t="shared" ref="O28:Y28" si="42">O10+O14+O18+O22+O26</f>
        <v>0</v>
      </c>
      <c r="P28" s="17">
        <f t="shared" si="42"/>
        <v>0</v>
      </c>
      <c r="Q28" s="17">
        <f t="shared" si="42"/>
        <v>0</v>
      </c>
      <c r="R28" s="17">
        <f t="shared" si="42"/>
        <v>0</v>
      </c>
      <c r="S28" s="17">
        <f t="shared" si="42"/>
        <v>0</v>
      </c>
      <c r="T28" s="17">
        <f t="shared" si="42"/>
        <v>0</v>
      </c>
      <c r="U28" s="17">
        <f>U10+U14+U18+U22+U26</f>
        <v>0</v>
      </c>
      <c r="V28" s="17">
        <f t="shared" si="42"/>
        <v>0</v>
      </c>
      <c r="W28" s="17">
        <f t="shared" si="42"/>
        <v>0</v>
      </c>
      <c r="X28" s="17">
        <f t="shared" si="42"/>
        <v>0</v>
      </c>
      <c r="Y28" s="17">
        <f t="shared" si="42"/>
        <v>0</v>
      </c>
      <c r="Z28" s="17">
        <f>Z10+Z14+Z18+Z22+Z26</f>
        <v>0</v>
      </c>
      <c r="AA28" s="17">
        <f>AA10+AA14+AA18+AA22+AA26</f>
        <v>0</v>
      </c>
      <c r="AB28" s="17">
        <f>AB10+AB14+AB18+AB22+AB26</f>
        <v>0</v>
      </c>
      <c r="AC28" s="17">
        <f>AC10+AC14+AC18+AC22+AC26</f>
        <v>0</v>
      </c>
    </row>
    <row r="29" spans="2:29" x14ac:dyDescent="0.25">
      <c r="D29" s="12"/>
      <c r="P29" s="12"/>
    </row>
    <row r="30" spans="2:29" ht="21" customHeight="1" x14ac:dyDescent="0.25">
      <c r="C30" s="76" t="s">
        <v>42</v>
      </c>
      <c r="D30" s="12"/>
      <c r="J30" s="74"/>
      <c r="P30" s="12"/>
    </row>
    <row r="31" spans="2:29" ht="19.5" customHeight="1" x14ac:dyDescent="0.25">
      <c r="C31" s="76" t="s">
        <v>37</v>
      </c>
      <c r="D31" s="12"/>
      <c r="J31" s="75"/>
      <c r="K31" s="75"/>
      <c r="L31" s="75"/>
      <c r="M31" s="75"/>
      <c r="N31" s="75"/>
      <c r="O31" s="75"/>
      <c r="P31" s="75"/>
      <c r="Q31" s="75"/>
      <c r="R31" s="75"/>
      <c r="S31" s="75"/>
      <c r="T31" s="75"/>
      <c r="U31" s="75"/>
      <c r="V31" s="75"/>
      <c r="W31" s="75"/>
    </row>
    <row r="33" spans="4:16" x14ac:dyDescent="0.25">
      <c r="D33" s="12"/>
      <c r="P33" s="12"/>
    </row>
    <row r="34" spans="4:16" x14ac:dyDescent="0.25">
      <c r="D34" s="12"/>
      <c r="P34" s="12"/>
    </row>
    <row r="35" spans="4:16" x14ac:dyDescent="0.25">
      <c r="D35" s="12"/>
      <c r="P35" s="12"/>
    </row>
    <row r="36" spans="4:16" x14ac:dyDescent="0.25">
      <c r="D36" s="12"/>
      <c r="P36" s="12"/>
    </row>
    <row r="37" spans="4:16" x14ac:dyDescent="0.25">
      <c r="D37" s="12"/>
      <c r="P37" s="12"/>
    </row>
    <row r="38" spans="4:16" x14ac:dyDescent="0.25">
      <c r="P38" s="12"/>
    </row>
    <row r="39" spans="4:16" x14ac:dyDescent="0.25">
      <c r="P39" s="12"/>
    </row>
    <row r="40" spans="4:16" x14ac:dyDescent="0.25">
      <c r="P40" s="12"/>
    </row>
    <row r="41" spans="4:16" x14ac:dyDescent="0.25">
      <c r="P41" s="12"/>
    </row>
  </sheetData>
  <mergeCells count="14">
    <mergeCell ref="Z5:AC5"/>
    <mergeCell ref="B5:D5"/>
    <mergeCell ref="M5:P5"/>
    <mergeCell ref="Q5:S5"/>
    <mergeCell ref="T5:V5"/>
    <mergeCell ref="W5:Y5"/>
    <mergeCell ref="B28:D28"/>
    <mergeCell ref="C6:D6"/>
    <mergeCell ref="B7:B9"/>
    <mergeCell ref="B11:B13"/>
    <mergeCell ref="B15:B17"/>
    <mergeCell ref="B19:B21"/>
    <mergeCell ref="B23:B25"/>
    <mergeCell ref="H6:I6"/>
  </mergeCells>
  <dataValidations count="2">
    <dataValidation type="list" allowBlank="1" showInputMessage="1" showErrorMessage="1" sqref="B6" xr:uid="{17CCB8D8-222E-48CB-B491-3A9F3E2072B4}">
      <formula1>$AH$5:$AH$7</formula1>
    </dataValidation>
    <dataValidation type="list" allowBlank="1" showInputMessage="1" showErrorMessage="1" sqref="H7:H9 H15:H17 H19:H21 H11:H13 H23:H25" xr:uid="{F61F8EE8-A49D-43CC-82DF-3ECC88AF97ED}">
      <formula1>$AG$5:$AG$7</formula1>
    </dataValidation>
  </dataValidations>
  <pageMargins left="0.7" right="0.7" top="0.75" bottom="0.75" header="0.3" footer="0.3"/>
  <pageSetup paperSize="9" scale="23" fitToHeight="0" orientation="landscape" horizontalDpi="300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8CA8851-618F-4BCE-B020-CD0B98917324}">
  <ds:schemaRefs/>
</ds:datastoreItem>
</file>

<file path=customXml/itemProps2.xml><?xml version="1.0" encoding="utf-8"?>
<ds:datastoreItem xmlns:ds="http://schemas.openxmlformats.org/officeDocument/2006/customXml" ds:itemID="{B5F59729-48A4-4EA8-9A1C-31488339AEB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Fogli di lavoro</vt:lpstr>
      </vt:variant>
      <vt:variant>
        <vt:i4>1</vt:i4>
      </vt:variant>
    </vt:vector>
  </HeadingPairs>
  <TitlesOfParts>
    <vt:vector size="1" baseType="lpstr">
      <vt:lpstr>Piano Finanziario_Soggetto</vt:lpstr>
    </vt:vector>
  </TitlesOfParts>
  <Manager/>
  <Company/>
  <LinksUpToDate>false</LinksUpToDate>
  <SharedDoc>false</SharedDoc>
  <HyperlinkBase/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dministrator</dc:creator>
  <cp:keywords/>
  <dc:description/>
  <cp:lastModifiedBy>Antonio Giusto</cp:lastModifiedBy>
  <cp:revision/>
  <dcterms:created xsi:type="dcterms:W3CDTF">2023-03-31T07:06:02Z</dcterms:created>
  <dcterms:modified xsi:type="dcterms:W3CDTF">2024-02-29T09:39:57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loittecm</vt:lpwstr>
  </property>
  <property fmtid="{D5CDD505-2E9C-101B-9397-08002B2CF9AE}" pid="3" name="TemplafyTemplateId">
    <vt:lpwstr>638049558575090975</vt:lpwstr>
  </property>
  <property fmtid="{D5CDD505-2E9C-101B-9397-08002B2CF9AE}" pid="4" name="TemplafyUserProfileId">
    <vt:lpwstr>637825014701064442</vt:lpwstr>
  </property>
  <property fmtid="{D5CDD505-2E9C-101B-9397-08002B2CF9AE}" pid="5" name="TemplafyFromBlank">
    <vt:bool>true</vt:bool>
  </property>
  <property fmtid="{D5CDD505-2E9C-101B-9397-08002B2CF9AE}" pid="6" name="MSIP_Label_ea60d57e-af5b-4752-ac57-3e4f28ca11dc_Enabled">
    <vt:lpwstr>true</vt:lpwstr>
  </property>
  <property fmtid="{D5CDD505-2E9C-101B-9397-08002B2CF9AE}" pid="7" name="MSIP_Label_ea60d57e-af5b-4752-ac57-3e4f28ca11dc_SetDate">
    <vt:lpwstr>2023-08-30T14:51:28Z</vt:lpwstr>
  </property>
  <property fmtid="{D5CDD505-2E9C-101B-9397-08002B2CF9AE}" pid="8" name="MSIP_Label_ea60d57e-af5b-4752-ac57-3e4f28ca11dc_Method">
    <vt:lpwstr>Standard</vt:lpwstr>
  </property>
  <property fmtid="{D5CDD505-2E9C-101B-9397-08002B2CF9AE}" pid="9" name="MSIP_Label_ea60d57e-af5b-4752-ac57-3e4f28ca11dc_Name">
    <vt:lpwstr>ea60d57e-af5b-4752-ac57-3e4f28ca11dc</vt:lpwstr>
  </property>
  <property fmtid="{D5CDD505-2E9C-101B-9397-08002B2CF9AE}" pid="10" name="MSIP_Label_ea60d57e-af5b-4752-ac57-3e4f28ca11dc_SiteId">
    <vt:lpwstr>36da45f1-dd2c-4d1f-af13-5abe46b99921</vt:lpwstr>
  </property>
  <property fmtid="{D5CDD505-2E9C-101B-9397-08002B2CF9AE}" pid="11" name="MSIP_Label_ea60d57e-af5b-4752-ac57-3e4f28ca11dc_ActionId">
    <vt:lpwstr>3d3162f4-89c3-4c09-84df-5b83b7fe21f9</vt:lpwstr>
  </property>
  <property fmtid="{D5CDD505-2E9C-101B-9397-08002B2CF9AE}" pid="12" name="MSIP_Label_ea60d57e-af5b-4752-ac57-3e4f28ca11dc_ContentBits">
    <vt:lpwstr>0</vt:lpwstr>
  </property>
</Properties>
</file>